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108\01_GROUP\004_公益・宗教G（宗教）\04_広報・広聴\03_ホームページ\■名簿ホームページ\R4年度（2022）\20230101現在の名簿\"/>
    </mc:Choice>
  </mc:AlternateContent>
  <bookViews>
    <workbookView xWindow="0" yWindow="0" windowWidth="23040" windowHeight="9876"/>
  </bookViews>
  <sheets>
    <sheet name="相模原市" sheetId="1" r:id="rId1"/>
  </sheets>
  <definedNames>
    <definedName name="_xlnm._FilterDatabase" localSheetId="0" hidden="1">相模原市!$A$1:$L$213</definedName>
    <definedName name="batu">#REF!</definedName>
    <definedName name="_xlnm.Print_Area" localSheetId="0">相模原市!$A$1:$I$213</definedName>
    <definedName name="_xlnm.Print_Titles" localSheetId="0">相模原市!$1:$1</definedName>
    <definedName name="Q名簿用データ">#REF!</definedName>
    <definedName name="外字">#REF!</definedName>
    <definedName name="宗教法人テーブル" localSheetId="0">相模原市!$A$1:$I$128</definedName>
    <definedName name="宗教法人テーブル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288" uniqueCount="568">
  <si>
    <t>№</t>
    <phoneticPr fontId="3"/>
  </si>
  <si>
    <t>系統</t>
    <rPh sb="0" eb="2">
      <t>ｹｲﾄｳ</t>
    </rPh>
    <phoneticPr fontId="1" type="noConversion"/>
  </si>
  <si>
    <t>包括団体名</t>
    <rPh sb="0" eb="2">
      <t>ホウカツ</t>
    </rPh>
    <rPh sb="2" eb="4">
      <t>ダンタイ</t>
    </rPh>
    <rPh sb="4" eb="5">
      <t>メイ</t>
    </rPh>
    <phoneticPr fontId="3"/>
  </si>
  <si>
    <t>宗教法人名</t>
    <phoneticPr fontId="3"/>
  </si>
  <si>
    <t>代表者名</t>
    <rPh sb="0" eb="3">
      <t>ダイヒョウシャ</t>
    </rPh>
    <rPh sb="3" eb="4">
      <t>メイ</t>
    </rPh>
    <phoneticPr fontId="3"/>
  </si>
  <si>
    <t>代務者</t>
    <phoneticPr fontId="3"/>
  </si>
  <si>
    <t>区</t>
    <rPh sb="0" eb="1">
      <t>ク</t>
    </rPh>
    <phoneticPr fontId="3"/>
  </si>
  <si>
    <t>事務所所在地</t>
    <rPh sb="0" eb="2">
      <t>ジム</t>
    </rPh>
    <rPh sb="2" eb="3">
      <t>ショ</t>
    </rPh>
    <rPh sb="3" eb="6">
      <t>ショザイチ</t>
    </rPh>
    <phoneticPr fontId="3"/>
  </si>
  <si>
    <t>法人番号</t>
    <rPh sb="0" eb="2">
      <t>ホウジン</t>
    </rPh>
    <rPh sb="2" eb="4">
      <t>バンゴウ</t>
    </rPh>
    <phoneticPr fontId="3"/>
  </si>
  <si>
    <t>外字有</t>
    <rPh sb="0" eb="2">
      <t>ガイジ</t>
    </rPh>
    <rPh sb="2" eb="3">
      <t>アリ</t>
    </rPh>
    <phoneticPr fontId="3"/>
  </si>
  <si>
    <t>外字置換法人名</t>
    <rPh sb="0" eb="2">
      <t>ガイジ</t>
    </rPh>
    <rPh sb="2" eb="4">
      <t>チカン</t>
    </rPh>
    <rPh sb="4" eb="6">
      <t>ホウジン</t>
    </rPh>
    <rPh sb="6" eb="7">
      <t>メイ</t>
    </rPh>
    <phoneticPr fontId="3"/>
  </si>
  <si>
    <t>外字置換代役名</t>
    <rPh sb="0" eb="2">
      <t>ガイジ</t>
    </rPh>
    <rPh sb="2" eb="4">
      <t>チカン</t>
    </rPh>
    <rPh sb="4" eb="6">
      <t>ダイヤク</t>
    </rPh>
    <rPh sb="6" eb="7">
      <t>メイ</t>
    </rPh>
    <phoneticPr fontId="3"/>
  </si>
  <si>
    <t>神道系</t>
  </si>
  <si>
    <t>神社本庁</t>
  </si>
  <si>
    <t>相原八幡宮</t>
  </si>
  <si>
    <t>根岸 浩行</t>
  </si>
  <si>
    <t>緑区</t>
  </si>
  <si>
    <t>相原6-5-26</t>
  </si>
  <si>
    <t>青山神社</t>
  </si>
  <si>
    <t>相川 知昭</t>
  </si>
  <si>
    <t>青山1013</t>
  </si>
  <si>
    <t>飯縄神社</t>
  </si>
  <si>
    <t>根小屋370</t>
  </si>
  <si>
    <t>稲荷神社</t>
  </si>
  <si>
    <t>安西 圭市</t>
  </si>
  <si>
    <t>寸沢嵐2789</t>
  </si>
  <si>
    <t>岩神社</t>
  </si>
  <si>
    <t>濵野 光正</t>
  </si>
  <si>
    <t>佐野川2487</t>
  </si>
  <si>
    <t>石楯尾神社</t>
  </si>
  <si>
    <t>佐野川3448</t>
  </si>
  <si>
    <t>名倉4524</t>
  </si>
  <si>
    <t>牛鞍神社</t>
  </si>
  <si>
    <t>千木良字西久保1240</t>
  </si>
  <si>
    <t>大石神社</t>
  </si>
  <si>
    <t>牧野2957</t>
  </si>
  <si>
    <t>春日神社</t>
  </si>
  <si>
    <t>長竹175</t>
  </si>
  <si>
    <t>澤井934</t>
  </si>
  <si>
    <t>川尻八幡宮</t>
  </si>
  <si>
    <t>川尻4171</t>
  </si>
  <si>
    <t>熊野神社</t>
  </si>
  <si>
    <t>佐野川1212</t>
  </si>
  <si>
    <t>金刀比羅宮</t>
  </si>
  <si>
    <t>川尻4456</t>
  </si>
  <si>
    <t>御霊神社</t>
  </si>
  <si>
    <t>佐野川3111</t>
  </si>
  <si>
    <t>神明大神宮</t>
  </si>
  <si>
    <t>橋本6-39-25</t>
  </si>
  <si>
    <t>諏訪社</t>
  </si>
  <si>
    <t>青根1304</t>
  </si>
  <si>
    <t>諏訪神社</t>
  </si>
  <si>
    <t>小倉1033</t>
  </si>
  <si>
    <t>葉山島字藤木664</t>
  </si>
  <si>
    <t>青野原2967</t>
  </si>
  <si>
    <t>太井506-3</t>
  </si>
  <si>
    <t>鳥屋1140</t>
  </si>
  <si>
    <t>澤井639</t>
  </si>
  <si>
    <t>諏訪明神</t>
  </si>
  <si>
    <t>根岸 信行</t>
  </si>
  <si>
    <t>大島594</t>
  </si>
  <si>
    <t>月読神社</t>
  </si>
  <si>
    <t>千木良字宮台269</t>
  </si>
  <si>
    <t>原神社</t>
  </si>
  <si>
    <t>名倉3983</t>
  </si>
  <si>
    <t>葛原神社</t>
  </si>
  <si>
    <t>中野神社</t>
  </si>
  <si>
    <t>中野206</t>
  </si>
  <si>
    <t>日神社</t>
  </si>
  <si>
    <t>寸沢嵐846</t>
  </si>
  <si>
    <t>根小屋諏訪神社</t>
  </si>
  <si>
    <t>根小屋128</t>
  </si>
  <si>
    <t>子神社</t>
  </si>
  <si>
    <t>青山3732</t>
  </si>
  <si>
    <t>白山社</t>
  </si>
  <si>
    <t>長竹1185-6</t>
  </si>
  <si>
    <t>八幡宮</t>
  </si>
  <si>
    <t>鈴木 一雄</t>
  </si>
  <si>
    <t>二本松3-14-14</t>
  </si>
  <si>
    <t>八幡社</t>
  </si>
  <si>
    <t>又野536</t>
  </si>
  <si>
    <t>三井574</t>
  </si>
  <si>
    <t>八幡神社</t>
  </si>
  <si>
    <t>小倉356</t>
  </si>
  <si>
    <t>青野原1623</t>
  </si>
  <si>
    <t>小原字大久保529-1</t>
  </si>
  <si>
    <t>佐野川1400</t>
  </si>
  <si>
    <t>牧野4601</t>
  </si>
  <si>
    <t>寸沢嵐3384</t>
  </si>
  <si>
    <t>日連神社</t>
  </si>
  <si>
    <t>日連1493</t>
  </si>
  <si>
    <t>日々神社</t>
  </si>
  <si>
    <t>大島2250</t>
  </si>
  <si>
    <t>藤野神社</t>
  </si>
  <si>
    <t>小渕1670</t>
  </si>
  <si>
    <t>三ヶ木神社</t>
  </si>
  <si>
    <t>三ケ木937</t>
  </si>
  <si>
    <t>三嶋社</t>
  </si>
  <si>
    <t>中沢574</t>
  </si>
  <si>
    <t>御嶽神社</t>
  </si>
  <si>
    <t>澤井458</t>
  </si>
  <si>
    <t>下九沢1336</t>
  </si>
  <si>
    <t>三柱神社</t>
  </si>
  <si>
    <t>小渕1025</t>
  </si>
  <si>
    <t>八坂神社</t>
  </si>
  <si>
    <t>青山3078</t>
  </si>
  <si>
    <t>山神社</t>
  </si>
  <si>
    <t>佐野川182-2</t>
  </si>
  <si>
    <t>吉野神社</t>
  </si>
  <si>
    <t>吉野389</t>
  </si>
  <si>
    <t>與瀬神社</t>
  </si>
  <si>
    <t>与瀬字宮開戸1392</t>
  </si>
  <si>
    <t>神道大教</t>
  </si>
  <si>
    <t>神道大教八坂宣教所</t>
  </si>
  <si>
    <t>成井 勇吉</t>
  </si>
  <si>
    <t>青山2849-1</t>
  </si>
  <si>
    <t>教派神道系単立</t>
  </si>
  <si>
    <t>道ひらき</t>
  </si>
  <si>
    <t>佐野 光一</t>
  </si>
  <si>
    <t>名倉4535-2</t>
  </si>
  <si>
    <t>仏教系</t>
  </si>
  <si>
    <t>天台宗</t>
  </si>
  <si>
    <t>清真寺</t>
  </si>
  <si>
    <t>勝野 隆広</t>
  </si>
  <si>
    <t>鳥屋1334</t>
  </si>
  <si>
    <t>高野山真言宗</t>
  </si>
  <si>
    <t>安養寺</t>
  </si>
  <si>
    <t>岩木 観定</t>
  </si>
  <si>
    <t>青山2978</t>
  </si>
  <si>
    <t>圓藏寺</t>
  </si>
  <si>
    <t>河口 隆俊</t>
  </si>
  <si>
    <t>又野641</t>
  </si>
  <si>
    <t>観福寺</t>
  </si>
  <si>
    <t>瀧本 真盟</t>
  </si>
  <si>
    <t>吉野753</t>
  </si>
  <si>
    <t>顕鏡寺</t>
  </si>
  <si>
    <t>寸沢嵐2888</t>
  </si>
  <si>
    <t>慈眼寺</t>
  </si>
  <si>
    <t>山口 泰秀</t>
  </si>
  <si>
    <t>与瀬1396</t>
  </si>
  <si>
    <t>實相院</t>
  </si>
  <si>
    <t>東田 樹治</t>
  </si>
  <si>
    <t>又野633</t>
  </si>
  <si>
    <t>青蓮寺</t>
  </si>
  <si>
    <t>日連1634</t>
  </si>
  <si>
    <t>善勝寺</t>
  </si>
  <si>
    <t>川久保 禪龍</t>
  </si>
  <si>
    <t>千木良1296</t>
  </si>
  <si>
    <t>宗安寺</t>
  </si>
  <si>
    <t>三ケ木90</t>
  </si>
  <si>
    <t>東光寺</t>
  </si>
  <si>
    <t>岩木 晃範</t>
  </si>
  <si>
    <t>三井1113</t>
  </si>
  <si>
    <t>東林寺</t>
  </si>
  <si>
    <t>葉山島352</t>
  </si>
  <si>
    <t>福寿院</t>
  </si>
  <si>
    <t>牧野1754</t>
  </si>
  <si>
    <t>宝泉寺</t>
  </si>
  <si>
    <t>平田 智泉</t>
  </si>
  <si>
    <t>川尻4562</t>
  </si>
  <si>
    <t>蓮乘院</t>
  </si>
  <si>
    <t>小瀧 宥瑞</t>
  </si>
  <si>
    <t>牧野7173</t>
  </si>
  <si>
    <t>真言宗智山派</t>
  </si>
  <si>
    <t>華蔵院</t>
  </si>
  <si>
    <t>保永 盛尚</t>
  </si>
  <si>
    <t>相原6-19-13</t>
  </si>
  <si>
    <t>金泉寺</t>
  </si>
  <si>
    <t>小川 英明</t>
  </si>
  <si>
    <t>下九沢652</t>
  </si>
  <si>
    <t>大蔵寺</t>
  </si>
  <si>
    <t>宮内 良円</t>
  </si>
  <si>
    <t>太井565</t>
  </si>
  <si>
    <t>成田山明観寺</t>
  </si>
  <si>
    <t>筒井 照琢</t>
  </si>
  <si>
    <t>川尻4722</t>
  </si>
  <si>
    <t>普門寺</t>
  </si>
  <si>
    <t>佐藤 泰順</t>
  </si>
  <si>
    <t>中沢200</t>
  </si>
  <si>
    <t>岡﨑 秀道</t>
  </si>
  <si>
    <t>東橋本3-12-3</t>
  </si>
  <si>
    <t>浄土真宗本願寺派</t>
  </si>
  <si>
    <t>正念寺</t>
  </si>
  <si>
    <t>河内 勝</t>
  </si>
  <si>
    <t>名倉3967</t>
  </si>
  <si>
    <t>臨済宗建長寺派</t>
  </si>
  <si>
    <t>雲居寺</t>
  </si>
  <si>
    <t>小野 瑞昌</t>
  </si>
  <si>
    <t>根小屋2339</t>
  </si>
  <si>
    <t>円通寺</t>
  </si>
  <si>
    <t>稲富 豊</t>
  </si>
  <si>
    <t>佐野川1593</t>
  </si>
  <si>
    <t>観音寺</t>
  </si>
  <si>
    <t>北條 聖典</t>
  </si>
  <si>
    <t>中野1200</t>
  </si>
  <si>
    <t>桂林寺</t>
  </si>
  <si>
    <t>佐藤 太梵</t>
  </si>
  <si>
    <t>小原143</t>
  </si>
  <si>
    <t>香福寺</t>
  </si>
  <si>
    <t>森山 真宏</t>
  </si>
  <si>
    <t>橋本5-39-17</t>
  </si>
  <si>
    <t>光明寺</t>
  </si>
  <si>
    <t>渡邉 雅光</t>
  </si>
  <si>
    <t>青山2591</t>
  </si>
  <si>
    <t>三井寺</t>
  </si>
  <si>
    <t>三井824</t>
  </si>
  <si>
    <t>正覚寺</t>
  </si>
  <si>
    <t>山田 正法</t>
  </si>
  <si>
    <t>若柳1430</t>
  </si>
  <si>
    <t>浄光寺</t>
  </si>
  <si>
    <t>吉野1584</t>
  </si>
  <si>
    <t>祥泉寺</t>
  </si>
  <si>
    <t>天利 晶紀</t>
  </si>
  <si>
    <t>中野1925</t>
  </si>
  <si>
    <t>浄禅寺</t>
  </si>
  <si>
    <t>小川 哲生</t>
  </si>
  <si>
    <t>佐野川3272</t>
  </si>
  <si>
    <t>湘南寺</t>
  </si>
  <si>
    <t>山田 文央</t>
  </si>
  <si>
    <t>小倉875</t>
  </si>
  <si>
    <t>清岩寺</t>
  </si>
  <si>
    <t>高田 徳之</t>
  </si>
  <si>
    <t>大島2402</t>
  </si>
  <si>
    <t>清光寺</t>
  </si>
  <si>
    <t>小林 貞俊</t>
  </si>
  <si>
    <t>寸沢嵐1707</t>
  </si>
  <si>
    <t>大正寺</t>
  </si>
  <si>
    <t>安藤 良道</t>
  </si>
  <si>
    <t>谷ヶ原1-3-1</t>
  </si>
  <si>
    <t>長昌寺</t>
  </si>
  <si>
    <t>正岡 良英</t>
  </si>
  <si>
    <t>青根2600</t>
  </si>
  <si>
    <t>長成寺</t>
  </si>
  <si>
    <t>藤井 弘範</t>
  </si>
  <si>
    <t>三ケ木962</t>
  </si>
  <si>
    <t>長福寺</t>
  </si>
  <si>
    <t>野呂 真一</t>
  </si>
  <si>
    <t>与瀬2190</t>
  </si>
  <si>
    <t>東陽寺</t>
  </si>
  <si>
    <t>鳥屋2226</t>
  </si>
  <si>
    <t>福王寺</t>
  </si>
  <si>
    <t>瀧口 全英</t>
  </si>
  <si>
    <t>澤井265</t>
  </si>
  <si>
    <t>寳鏡寺</t>
  </si>
  <si>
    <t>青野原3534</t>
  </si>
  <si>
    <t>宝寿寺</t>
  </si>
  <si>
    <t>中野198</t>
  </si>
  <si>
    <t>宝福寺</t>
  </si>
  <si>
    <t>石川 英一</t>
  </si>
  <si>
    <t>若柳665</t>
  </si>
  <si>
    <t>友林寺</t>
  </si>
  <si>
    <t>人見 宗紀</t>
  </si>
  <si>
    <t>中野905</t>
  </si>
  <si>
    <t>来迎寺</t>
  </si>
  <si>
    <t>長竹1414</t>
  </si>
  <si>
    <t>蓮葉寺</t>
  </si>
  <si>
    <t>北條 圓居</t>
  </si>
  <si>
    <t>葉山島643</t>
  </si>
  <si>
    <t>曹洞宗</t>
  </si>
  <si>
    <t>津田 孝範</t>
  </si>
  <si>
    <t>名倉3005</t>
  </si>
  <si>
    <t>功雲寺</t>
  </si>
  <si>
    <t>敦岡 祖雄</t>
  </si>
  <si>
    <t>根小屋2896</t>
  </si>
  <si>
    <t>正泉寺</t>
  </si>
  <si>
    <t>西岡 良峻</t>
  </si>
  <si>
    <t>相原6-6-2</t>
  </si>
  <si>
    <t>瑞光寺</t>
  </si>
  <si>
    <t>上村 利行</t>
  </si>
  <si>
    <t>元橋本町6-1</t>
  </si>
  <si>
    <t>井原寺</t>
  </si>
  <si>
    <t>小泉 俊彭</t>
  </si>
  <si>
    <t>青野原1279</t>
  </si>
  <si>
    <t>仙洞寺</t>
  </si>
  <si>
    <t>青山656</t>
  </si>
  <si>
    <t>増珠寺</t>
  </si>
  <si>
    <t>菊地原 和彦</t>
  </si>
  <si>
    <t>小渕1273</t>
  </si>
  <si>
    <t>長徳寺</t>
  </si>
  <si>
    <t>大瀧 智賢</t>
  </si>
  <si>
    <t>大島756</t>
  </si>
  <si>
    <t>梅宗寺</t>
  </si>
  <si>
    <t>舘盛 寛行</t>
  </si>
  <si>
    <t>上九沢264</t>
  </si>
  <si>
    <t>龍泉寺</t>
  </si>
  <si>
    <t>杉原 順也</t>
  </si>
  <si>
    <t>青野原2433</t>
  </si>
  <si>
    <t>日蓮宗</t>
  </si>
  <si>
    <t>相模寺</t>
  </si>
  <si>
    <t>田鎖 見誠</t>
  </si>
  <si>
    <t>中沢219</t>
  </si>
  <si>
    <t>法性寺</t>
  </si>
  <si>
    <t>佐藤 慶征</t>
  </si>
  <si>
    <t>大島3139</t>
  </si>
  <si>
    <t>日蓮正宗</t>
  </si>
  <si>
    <t>正継寺</t>
  </si>
  <si>
    <t>松尾 器道</t>
  </si>
  <si>
    <t>橋本2-13-5</t>
  </si>
  <si>
    <t>仏教系単立</t>
  </si>
  <si>
    <t>金光庵</t>
  </si>
  <si>
    <t>鈴木 治男</t>
  </si>
  <si>
    <t>若柳1616</t>
  </si>
  <si>
    <t>志田山朝日寺</t>
  </si>
  <si>
    <t>鈴木 秀徳</t>
  </si>
  <si>
    <t>長竹3916</t>
  </si>
  <si>
    <t>東慶寺</t>
  </si>
  <si>
    <t>大石 創元</t>
  </si>
  <si>
    <t>三井1497</t>
  </si>
  <si>
    <t>妙應寺</t>
  </si>
  <si>
    <t>川手 要一</t>
  </si>
  <si>
    <t>中野1810</t>
  </si>
  <si>
    <t>日本基督教団</t>
  </si>
  <si>
    <t>日本基督教団橋本教会</t>
  </si>
  <si>
    <t>須田 拓</t>
  </si>
  <si>
    <t>橋本3-10-13</t>
  </si>
  <si>
    <t>日本オープンバイブル教団</t>
  </si>
  <si>
    <t>津久井キリスト栄光教会</t>
  </si>
  <si>
    <t>後藤 悟</t>
  </si>
  <si>
    <t>根小屋2720-2</t>
  </si>
  <si>
    <t>キリスト教系単立</t>
  </si>
  <si>
    <t>エホバの証人の神奈川県津久井会衆</t>
  </si>
  <si>
    <t>薄井 洋</t>
  </si>
  <si>
    <t>寸沢嵐1447-4</t>
  </si>
  <si>
    <t>諸教</t>
  </si>
  <si>
    <t>天理教</t>
  </si>
  <si>
    <t>天理教紀明分教会</t>
  </si>
  <si>
    <t>高橋 秀治</t>
  </si>
  <si>
    <t>城山2-4-41</t>
  </si>
  <si>
    <t>天理教津久井分教会</t>
  </si>
  <si>
    <t>嶋﨑 賢</t>
  </si>
  <si>
    <t>三ケ木345-1</t>
  </si>
  <si>
    <t>天理教本中品分教会</t>
  </si>
  <si>
    <t>加藤 善康</t>
  </si>
  <si>
    <t>長竹1103-3</t>
  </si>
  <si>
    <t>天理教本理分教会</t>
  </si>
  <si>
    <t>飯田 寿三</t>
  </si>
  <si>
    <t>東橋本4-4-23</t>
  </si>
  <si>
    <t>亀ヶ池八幡宮</t>
  </si>
  <si>
    <t>中央区</t>
  </si>
  <si>
    <t>上溝1678</t>
  </si>
  <si>
    <t>皇武神社</t>
  </si>
  <si>
    <t>茶志川 瑞稀</t>
  </si>
  <si>
    <t>淵野辺本町4-20-11</t>
  </si>
  <si>
    <t>新田稲荷神社</t>
  </si>
  <si>
    <t>共和1-11-18</t>
  </si>
  <si>
    <t>田名八幡宮</t>
  </si>
  <si>
    <t>水郷田名1-8-28</t>
  </si>
  <si>
    <t>天縛皇神社</t>
  </si>
  <si>
    <t>宮下本町3-23-7</t>
  </si>
  <si>
    <t>日枝神社</t>
  </si>
  <si>
    <t>淵野辺本町1-36-16</t>
  </si>
  <si>
    <t>氷川神社</t>
  </si>
  <si>
    <t>浅原 寛</t>
  </si>
  <si>
    <t>清新4-1-5</t>
  </si>
  <si>
    <t>井上 良胤</t>
  </si>
  <si>
    <t>上矢部2-23-1</t>
  </si>
  <si>
    <t>村富神社</t>
  </si>
  <si>
    <t>矢部2-7-15</t>
  </si>
  <si>
    <t>安楽寺</t>
  </si>
  <si>
    <t>石井 秀恩</t>
  </si>
  <si>
    <t>上溝592</t>
  </si>
  <si>
    <t>清新4-2-30</t>
  </si>
  <si>
    <t>真宗大谷派</t>
  </si>
  <si>
    <t>一進寺</t>
  </si>
  <si>
    <t>自見 直道</t>
  </si>
  <si>
    <t>千代田1-6-17</t>
  </si>
  <si>
    <t>円応寺</t>
  </si>
  <si>
    <t>服部 一之</t>
  </si>
  <si>
    <t>陽光台1-13-11</t>
  </si>
  <si>
    <t>南光寺</t>
  </si>
  <si>
    <t>森 行正</t>
  </si>
  <si>
    <t>田名5648</t>
  </si>
  <si>
    <t>宗祐寺</t>
  </si>
  <si>
    <t>永保 固紀</t>
  </si>
  <si>
    <t>水郷田名1-16-2</t>
  </si>
  <si>
    <t>宝光寺</t>
  </si>
  <si>
    <t>宮﨑 哲朗</t>
  </si>
  <si>
    <t>上溝7-29-21</t>
  </si>
  <si>
    <t>龍像寺</t>
  </si>
  <si>
    <t>倚水 映能</t>
  </si>
  <si>
    <t>東淵野辺3-25-1</t>
  </si>
  <si>
    <t>本門佛立宗</t>
  </si>
  <si>
    <t>妙現寺</t>
  </si>
  <si>
    <t>鈴江 正典</t>
  </si>
  <si>
    <t>矢部2-14-20</t>
  </si>
  <si>
    <t>向得寺</t>
  </si>
  <si>
    <t>中本 泰輔</t>
  </si>
  <si>
    <t>田名塩田3-15-15</t>
  </si>
  <si>
    <t>相台寺</t>
  </si>
  <si>
    <t>村上 純將</t>
  </si>
  <si>
    <t>矢部1-7-6</t>
  </si>
  <si>
    <t>本弘寺</t>
  </si>
  <si>
    <t>高島 明弘</t>
  </si>
  <si>
    <t>並木1-3-2</t>
  </si>
  <si>
    <t>藤森 誠</t>
  </si>
  <si>
    <t>矢部4-1-20</t>
  </si>
  <si>
    <t>日本キリスト教会</t>
  </si>
  <si>
    <t>日本キリスト教会上溝教会</t>
  </si>
  <si>
    <t>木村 治男</t>
  </si>
  <si>
    <t>上溝7-9-10</t>
  </si>
  <si>
    <t>日本ホーリネス教団</t>
  </si>
  <si>
    <t>日本ホーリネス教団相模原キリスト教会</t>
  </si>
  <si>
    <t>佐藤 信人</t>
  </si>
  <si>
    <t>宮下本町2-32-26</t>
  </si>
  <si>
    <t>基督聖協団</t>
  </si>
  <si>
    <t>基督聖協団相模原教会</t>
  </si>
  <si>
    <t>石川 洋一</t>
  </si>
  <si>
    <t>横山6-6-3</t>
  </si>
  <si>
    <t>エホバの証人の相模原市中央会衆</t>
  </si>
  <si>
    <t>本村 量</t>
  </si>
  <si>
    <t>上溝2387-3</t>
  </si>
  <si>
    <t>相模原福音キリスト教会</t>
  </si>
  <si>
    <t>重田 岳史</t>
  </si>
  <si>
    <t>清新7-3-17</t>
  </si>
  <si>
    <t>天理教港華分教会</t>
  </si>
  <si>
    <t>福田 やう子</t>
  </si>
  <si>
    <t>富士見5-15-1</t>
  </si>
  <si>
    <t>天理教相模原分教会</t>
  </si>
  <si>
    <t>藤井 勝利</t>
  </si>
  <si>
    <t>共和1-2-14</t>
  </si>
  <si>
    <t>天理教眞和分教会</t>
  </si>
  <si>
    <t>佐藤 雪子</t>
  </si>
  <si>
    <t>田名1265-3</t>
  </si>
  <si>
    <t>天理教大登分教会</t>
  </si>
  <si>
    <t>鳴島 龍男</t>
  </si>
  <si>
    <t>東淵野辺4-32-3</t>
  </si>
  <si>
    <t>天理教橘本分教会</t>
  </si>
  <si>
    <t>吉野 真</t>
  </si>
  <si>
    <t>緑が丘1-2-9</t>
  </si>
  <si>
    <t>天理教田名分教会</t>
  </si>
  <si>
    <t>江成 洋</t>
  </si>
  <si>
    <t>水郷田名2-9-11</t>
  </si>
  <si>
    <t>天理教月見台分教会</t>
  </si>
  <si>
    <t>須江 裕</t>
  </si>
  <si>
    <t>上溝2028-16</t>
  </si>
  <si>
    <t>南区</t>
  </si>
  <si>
    <t>磯部2137</t>
  </si>
  <si>
    <t>大沼神社</t>
  </si>
  <si>
    <t>東大沼2-10-5</t>
  </si>
  <si>
    <t>鹿嶋神社</t>
  </si>
  <si>
    <t>古淵1-34-23</t>
  </si>
  <si>
    <t>鹿島神社</t>
  </si>
  <si>
    <t>古木 普総</t>
  </si>
  <si>
    <t>上鶴間本町3-7-11</t>
  </si>
  <si>
    <t>金山神社</t>
  </si>
  <si>
    <t>上鶴間本町5-30-20</t>
  </si>
  <si>
    <t>下溝八幡宮</t>
  </si>
  <si>
    <t>下溝1479</t>
  </si>
  <si>
    <t>十二天神社</t>
  </si>
  <si>
    <t>下溝2376</t>
  </si>
  <si>
    <t>新戸3017</t>
  </si>
  <si>
    <t>浅間神社</t>
  </si>
  <si>
    <t>当麻1612</t>
  </si>
  <si>
    <t>天満宮</t>
  </si>
  <si>
    <t>当麻1</t>
  </si>
  <si>
    <t>長島神社</t>
  </si>
  <si>
    <t>上鶴間本町9-17-32</t>
  </si>
  <si>
    <t>二宮神社</t>
  </si>
  <si>
    <t>南台5-9-5</t>
  </si>
  <si>
    <t>白山姫神社</t>
  </si>
  <si>
    <t>新戸2075</t>
  </si>
  <si>
    <t>磯部字宮際1388</t>
  </si>
  <si>
    <t>日枝大神</t>
  </si>
  <si>
    <t>磯部字下郷508</t>
  </si>
  <si>
    <t>磯部1114</t>
  </si>
  <si>
    <t>鵜野森2-29-1</t>
  </si>
  <si>
    <t>新戸2459</t>
  </si>
  <si>
    <t>当麻3571</t>
  </si>
  <si>
    <t>東林間神社</t>
  </si>
  <si>
    <t>東林間4-32-5</t>
  </si>
  <si>
    <t>報徳二宮神社</t>
  </si>
  <si>
    <t>相模大野6-11-25</t>
  </si>
  <si>
    <t>三島神社</t>
  </si>
  <si>
    <t>当麻724</t>
  </si>
  <si>
    <t>磯部字下郷951</t>
  </si>
  <si>
    <t>神道大教不二中教会</t>
  </si>
  <si>
    <t>齋藤 和幸</t>
  </si>
  <si>
    <t>磯部1191</t>
  </si>
  <si>
    <t>浄土宗</t>
  </si>
  <si>
    <t>一行寺</t>
  </si>
  <si>
    <t>村松 浄順</t>
  </si>
  <si>
    <t>上鶴間7-2-3</t>
  </si>
  <si>
    <t>金相寺</t>
  </si>
  <si>
    <t>麻溝台726-1</t>
  </si>
  <si>
    <t>西善寺</t>
  </si>
  <si>
    <t>澤井 文憲</t>
  </si>
  <si>
    <t>双葉1-14-2</t>
  </si>
  <si>
    <t>時宗</t>
  </si>
  <si>
    <t>観心寺</t>
  </si>
  <si>
    <t>飯田 覚隆</t>
  </si>
  <si>
    <t>代務者</t>
  </si>
  <si>
    <t>当麻774</t>
  </si>
  <si>
    <t>無量光寺</t>
  </si>
  <si>
    <t>当麻578</t>
  </si>
  <si>
    <t>常福寺</t>
  </si>
  <si>
    <t>原 和彦</t>
  </si>
  <si>
    <t>新戸2516</t>
  </si>
  <si>
    <t>勝源寺</t>
  </si>
  <si>
    <t>白井 康芳</t>
  </si>
  <si>
    <t>磯部2111</t>
  </si>
  <si>
    <t>清水寺</t>
  </si>
  <si>
    <t>服部 直哉</t>
  </si>
  <si>
    <t>下溝1457</t>
  </si>
  <si>
    <t>泉龍寺</t>
  </si>
  <si>
    <t>砂越 隆一</t>
  </si>
  <si>
    <t>上鶴間本町8-54-21</t>
  </si>
  <si>
    <t>長松寺</t>
  </si>
  <si>
    <t>久野 和教</t>
  </si>
  <si>
    <t>新戸2079</t>
  </si>
  <si>
    <t>天応院</t>
  </si>
  <si>
    <t>西野 泰男</t>
  </si>
  <si>
    <t>下溝780-1</t>
  </si>
  <si>
    <t>能徳寺</t>
  </si>
  <si>
    <t>樹下 尚堂</t>
  </si>
  <si>
    <t>磯部425</t>
  </si>
  <si>
    <t>顯正寺</t>
  </si>
  <si>
    <t>野々村 光正</t>
  </si>
  <si>
    <t>麻溝台5-14-49</t>
  </si>
  <si>
    <t>幸延寺</t>
  </si>
  <si>
    <t>岸 英嗣</t>
  </si>
  <si>
    <t>鵜野森2-32-2</t>
  </si>
  <si>
    <t>青柳寺</t>
  </si>
  <si>
    <t>神部 宣啓</t>
  </si>
  <si>
    <t>上鶴間本町3-7-14</t>
  </si>
  <si>
    <t>遮那院</t>
  </si>
  <si>
    <t>萩原 明人</t>
  </si>
  <si>
    <t>当麻1104-9</t>
  </si>
  <si>
    <t>日本基督教団相武台教会</t>
  </si>
  <si>
    <t>山口 和憲</t>
  </si>
  <si>
    <t>相武台1-21-5</t>
  </si>
  <si>
    <t>日本基督教団翠ヶ丘教会</t>
  </si>
  <si>
    <t>井殿 準</t>
  </si>
  <si>
    <t>相南2-25-65</t>
  </si>
  <si>
    <t>麻溝台キリスト教会</t>
  </si>
  <si>
    <t>本多 泰治</t>
  </si>
  <si>
    <t>麻溝台6-23-4</t>
  </si>
  <si>
    <t>エホバの証人の神奈川県相模原市新磯野会衆</t>
  </si>
  <si>
    <t>三瀬 邦生</t>
  </si>
  <si>
    <t>相武台3-17-18</t>
  </si>
  <si>
    <t>キリスト公会相模大野教会</t>
  </si>
  <si>
    <t>上鶴間6-1-27</t>
  </si>
  <si>
    <t>相模台キリストの教会</t>
  </si>
  <si>
    <t>香川 園美</t>
  </si>
  <si>
    <t>相模台4-9-11</t>
  </si>
  <si>
    <t>東林聖書キリスト教会</t>
  </si>
  <si>
    <t>山口 繁</t>
  </si>
  <si>
    <t>上鶴間4-19-40</t>
  </si>
  <si>
    <t>恵みバプテスト教会</t>
  </si>
  <si>
    <t>佐藤 勝巳</t>
  </si>
  <si>
    <t>相模台4-2-13</t>
  </si>
  <si>
    <t>天理教長東分教会</t>
  </si>
  <si>
    <t>吉本 真人</t>
  </si>
  <si>
    <t>東林間1-18-23</t>
  </si>
  <si>
    <t>天理教本君分教会</t>
  </si>
  <si>
    <t>田邊 宏</t>
  </si>
  <si>
    <t>相模大野5-5-22</t>
  </si>
  <si>
    <t>天理教本松木分教会</t>
  </si>
  <si>
    <t>佐藤 直美</t>
  </si>
  <si>
    <t>相模台2-26-22</t>
  </si>
  <si>
    <t>天理教理野郷分教会</t>
  </si>
  <si>
    <t>藤村 正親</t>
  </si>
  <si>
    <t>相南1-14-7</t>
  </si>
  <si>
    <t>○</t>
    <phoneticPr fontId="3"/>
  </si>
  <si>
    <t>キリスト教系</t>
    <phoneticPr fontId="3"/>
  </si>
  <si>
    <t>日本基督教団相模原教会</t>
    <phoneticPr fontId="3"/>
  </si>
  <si>
    <t>髙山 和明</t>
    <phoneticPr fontId="3"/>
  </si>
  <si>
    <t>成田 宣明</t>
    <phoneticPr fontId="3"/>
  </si>
  <si>
    <t>永原 創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_);[Red]\(0\)"/>
  </numFmts>
  <fonts count="7" x14ac:knownFonts="1">
    <font>
      <sz val="12"/>
      <color theme="1"/>
      <name val="ＭＳ 明朝"/>
      <family val="2"/>
      <charset val="128"/>
    </font>
    <font>
      <sz val="10"/>
      <name val="ＭＳ Ｐゴシック"/>
      <family val="3"/>
      <charset val="128"/>
    </font>
    <font>
      <sz val="10"/>
      <name val="ＭＳ 明朝"/>
      <family val="1"/>
      <charset val="128"/>
    </font>
    <font>
      <sz val="6"/>
      <name val="ＭＳ 明朝"/>
      <family val="2"/>
      <charset val="128"/>
    </font>
    <font>
      <sz val="9"/>
      <name val="ＭＳ 明朝"/>
      <family val="1"/>
      <charset val="128"/>
    </font>
    <font>
      <sz val="9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rgb="FFABFE98"/>
        <bgColor indexed="64"/>
      </patternFill>
    </fill>
  </fills>
  <borders count="2">
    <border>
      <left/>
      <right/>
      <top/>
      <bottom/>
      <diagonal/>
    </border>
    <border>
      <left style="thin">
        <color theme="0" tint="-0.499984740745262"/>
      </left>
      <right style="thin">
        <color theme="0" tint="-0.499984740745262"/>
      </right>
      <top style="thin">
        <color theme="0" tint="-0.499984740745262"/>
      </top>
      <bottom style="thin">
        <color theme="0" tint="-0.499984740745262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20">
    <xf numFmtId="0" fontId="0" fillId="0" borderId="0" xfId="0">
      <alignment vertical="center"/>
    </xf>
    <xf numFmtId="0" fontId="2" fillId="2" borderId="1" xfId="1" applyFont="1" applyFill="1" applyBorder="1" applyAlignment="1">
      <alignment horizontal="center" vertical="center" shrinkToFit="1"/>
    </xf>
    <xf numFmtId="0" fontId="4" fillId="2" borderId="1" xfId="1" applyFont="1" applyFill="1" applyBorder="1" applyAlignment="1">
      <alignment horizontal="center" vertical="center" shrinkToFit="1"/>
    </xf>
    <xf numFmtId="0" fontId="5" fillId="0" borderId="0" xfId="0" applyFont="1" applyAlignment="1">
      <alignment horizontal="center" vertical="center" shrinkToFit="1"/>
    </xf>
    <xf numFmtId="0" fontId="6" fillId="0" borderId="0" xfId="0" applyFont="1" applyAlignment="1">
      <alignment horizontal="center" vertical="center" shrinkToFit="1"/>
    </xf>
    <xf numFmtId="0" fontId="2" fillId="0" borderId="1" xfId="1" applyFont="1" applyFill="1" applyBorder="1" applyAlignment="1">
      <alignment vertical="center" wrapText="1"/>
    </xf>
    <xf numFmtId="0" fontId="4" fillId="0" borderId="1" xfId="1" applyFont="1" applyFill="1" applyBorder="1" applyAlignment="1">
      <alignment vertical="center" wrapText="1"/>
    </xf>
    <xf numFmtId="0" fontId="4" fillId="0" borderId="1" xfId="1" applyFont="1" applyBorder="1" applyAlignment="1">
      <alignment vertical="center" wrapText="1"/>
    </xf>
    <xf numFmtId="0" fontId="4" fillId="0" borderId="1" xfId="1" applyFont="1" applyBorder="1" applyAlignment="1">
      <alignment horizontal="center" vertical="center" wrapText="1"/>
    </xf>
    <xf numFmtId="176" fontId="4" fillId="0" borderId="1" xfId="1" applyNumberFormat="1" applyFont="1" applyFill="1" applyBorder="1" applyAlignment="1">
      <alignment vertical="center" wrapText="1"/>
    </xf>
    <xf numFmtId="0" fontId="5" fillId="0" borderId="0" xfId="0" applyFont="1" applyAlignment="1">
      <alignment horizontal="center" vertical="center" wrapText="1"/>
    </xf>
    <xf numFmtId="0" fontId="5" fillId="0" borderId="0" xfId="0" applyFont="1" applyAlignment="1">
      <alignment vertical="center" wrapText="1"/>
    </xf>
    <xf numFmtId="0" fontId="6" fillId="0" borderId="0" xfId="0" applyFont="1" applyAlignment="1">
      <alignment vertical="center" wrapText="1"/>
    </xf>
    <xf numFmtId="0" fontId="6" fillId="0" borderId="0" xfId="0" applyFont="1" applyFill="1" applyAlignment="1">
      <alignment vertical="center" wrapText="1"/>
    </xf>
    <xf numFmtId="0" fontId="5" fillId="0" borderId="0" xfId="0" applyFont="1" applyFill="1" applyAlignment="1">
      <alignment horizontal="center" vertical="center" wrapText="1"/>
    </xf>
    <xf numFmtId="0" fontId="5" fillId="0" borderId="0" xfId="0" applyFont="1" applyFill="1" applyAlignment="1">
      <alignment vertical="center" wrapText="1"/>
    </xf>
    <xf numFmtId="0" fontId="4" fillId="0" borderId="1" xfId="1" applyFont="1" applyFill="1" applyBorder="1" applyAlignment="1">
      <alignment horizontal="center" vertical="center" shrinkToFit="1"/>
    </xf>
    <xf numFmtId="0" fontId="4" fillId="2" borderId="1" xfId="1" applyFont="1" applyFill="1" applyBorder="1" applyAlignment="1">
      <alignment horizontal="center" vertical="center" wrapText="1" shrinkToFit="1"/>
    </xf>
    <xf numFmtId="0" fontId="4" fillId="0" borderId="1" xfId="1" applyFont="1" applyBorder="1" applyAlignment="1">
      <alignment vertical="center" wrapText="1" shrinkToFit="1"/>
    </xf>
    <xf numFmtId="0" fontId="5" fillId="0" borderId="0" xfId="0" applyFont="1" applyAlignment="1">
      <alignment vertical="center" wrapText="1" shrinkToFit="1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6600"/>
  </sheetPr>
  <dimension ref="A1:L213"/>
  <sheetViews>
    <sheetView showZeros="0" tabSelected="1" view="pageLayout" zoomScaleNormal="100" zoomScaleSheetLayoutView="100" workbookViewId="0"/>
  </sheetViews>
  <sheetFormatPr defaultColWidth="6.09765625" defaultRowHeight="21.75" customHeight="1" x14ac:dyDescent="0.2"/>
  <cols>
    <col min="1" max="1" width="5.09765625" style="13" customWidth="1"/>
    <col min="2" max="2" width="8.19921875" style="14" customWidth="1"/>
    <col min="3" max="3" width="18.5" style="15" customWidth="1"/>
    <col min="4" max="4" width="26.19921875" style="11" customWidth="1"/>
    <col min="5" max="5" width="12.796875" style="19" customWidth="1"/>
    <col min="6" max="6" width="7.5" style="10" customWidth="1"/>
    <col min="7" max="7" width="11.59765625" style="13" customWidth="1"/>
    <col min="8" max="8" width="14.59765625" style="15" customWidth="1"/>
    <col min="9" max="9" width="14.09765625" style="15" bestFit="1" customWidth="1"/>
    <col min="10" max="10" width="15.09765625" style="10" customWidth="1"/>
    <col min="11" max="12" width="13.09765625" style="11" customWidth="1"/>
    <col min="13" max="13" width="13.09765625" style="12" customWidth="1"/>
    <col min="14" max="16384" width="6.09765625" style="12"/>
  </cols>
  <sheetData>
    <row r="1" spans="1:12" s="4" customFormat="1" ht="25.5" customHeight="1" x14ac:dyDescent="0.2">
      <c r="A1" s="1" t="s">
        <v>0</v>
      </c>
      <c r="B1" s="2" t="s">
        <v>1</v>
      </c>
      <c r="C1" s="2" t="s">
        <v>2</v>
      </c>
      <c r="D1" s="2" t="s">
        <v>3</v>
      </c>
      <c r="E1" s="17" t="s">
        <v>4</v>
      </c>
      <c r="F1" s="2" t="s">
        <v>5</v>
      </c>
      <c r="G1" s="2" t="s">
        <v>6</v>
      </c>
      <c r="H1" s="2" t="s">
        <v>7</v>
      </c>
      <c r="I1" s="2" t="s">
        <v>8</v>
      </c>
      <c r="J1" s="3" t="s">
        <v>9</v>
      </c>
      <c r="K1" s="3" t="s">
        <v>10</v>
      </c>
      <c r="L1" s="3" t="s">
        <v>11</v>
      </c>
    </row>
    <row r="2" spans="1:12" ht="21.75" customHeight="1" x14ac:dyDescent="0.2">
      <c r="A2" s="5">
        <v>1</v>
      </c>
      <c r="B2" s="16" t="s">
        <v>12</v>
      </c>
      <c r="C2" s="6" t="s">
        <v>13</v>
      </c>
      <c r="D2" s="7" t="s">
        <v>14</v>
      </c>
      <c r="E2" s="18" t="s">
        <v>15</v>
      </c>
      <c r="F2" s="8">
        <v>0</v>
      </c>
      <c r="G2" s="5" t="s">
        <v>16</v>
      </c>
      <c r="H2" s="6" t="s">
        <v>17</v>
      </c>
      <c r="I2" s="9">
        <v>4021005002678</v>
      </c>
      <c r="K2" s="11">
        <v>0</v>
      </c>
      <c r="L2" s="11">
        <v>0</v>
      </c>
    </row>
    <row r="3" spans="1:12" ht="21.75" customHeight="1" x14ac:dyDescent="0.2">
      <c r="A3" s="5">
        <v>2</v>
      </c>
      <c r="B3" s="16" t="s">
        <v>12</v>
      </c>
      <c r="C3" s="6" t="s">
        <v>13</v>
      </c>
      <c r="D3" s="7" t="s">
        <v>18</v>
      </c>
      <c r="E3" s="18" t="s">
        <v>19</v>
      </c>
      <c r="F3" s="8">
        <v>0</v>
      </c>
      <c r="G3" s="5" t="s">
        <v>16</v>
      </c>
      <c r="H3" s="6" t="s">
        <v>20</v>
      </c>
      <c r="I3" s="9">
        <v>8021005003004</v>
      </c>
      <c r="K3" s="11">
        <v>0</v>
      </c>
      <c r="L3" s="11">
        <v>0</v>
      </c>
    </row>
    <row r="4" spans="1:12" ht="21.75" customHeight="1" x14ac:dyDescent="0.2">
      <c r="A4" s="5">
        <v>3</v>
      </c>
      <c r="B4" s="16" t="s">
        <v>12</v>
      </c>
      <c r="C4" s="6" t="s">
        <v>13</v>
      </c>
      <c r="D4" s="7" t="s">
        <v>21</v>
      </c>
      <c r="E4" s="18" t="s">
        <v>19</v>
      </c>
      <c r="F4" s="8">
        <v>0</v>
      </c>
      <c r="G4" s="5" t="s">
        <v>16</v>
      </c>
      <c r="H4" s="6" t="s">
        <v>22</v>
      </c>
      <c r="I4" s="9">
        <v>6021005003006</v>
      </c>
      <c r="K4" s="11">
        <v>0</v>
      </c>
      <c r="L4" s="11">
        <v>0</v>
      </c>
    </row>
    <row r="5" spans="1:12" ht="21.75" customHeight="1" x14ac:dyDescent="0.2">
      <c r="A5" s="5">
        <v>4</v>
      </c>
      <c r="B5" s="16" t="s">
        <v>12</v>
      </c>
      <c r="C5" s="6" t="s">
        <v>13</v>
      </c>
      <c r="D5" s="7" t="s">
        <v>23</v>
      </c>
      <c r="E5" s="18" t="s">
        <v>24</v>
      </c>
      <c r="F5" s="8">
        <v>0</v>
      </c>
      <c r="G5" s="5" t="s">
        <v>16</v>
      </c>
      <c r="H5" s="6" t="s">
        <v>25</v>
      </c>
      <c r="I5" s="9">
        <v>8021005003045</v>
      </c>
      <c r="K5" s="11">
        <v>0</v>
      </c>
      <c r="L5" s="11">
        <v>0</v>
      </c>
    </row>
    <row r="6" spans="1:12" ht="21.75" customHeight="1" x14ac:dyDescent="0.2">
      <c r="A6" s="5">
        <v>5</v>
      </c>
      <c r="B6" s="16" t="s">
        <v>12</v>
      </c>
      <c r="C6" s="6" t="s">
        <v>13</v>
      </c>
      <c r="D6" s="7" t="s">
        <v>26</v>
      </c>
      <c r="E6" s="18" t="s">
        <v>27</v>
      </c>
      <c r="F6" s="8">
        <v>0</v>
      </c>
      <c r="G6" s="5" t="s">
        <v>16</v>
      </c>
      <c r="H6" s="6" t="s">
        <v>28</v>
      </c>
      <c r="I6" s="9">
        <v>4021005003098</v>
      </c>
      <c r="K6" s="11">
        <v>0</v>
      </c>
      <c r="L6" s="11">
        <v>0</v>
      </c>
    </row>
    <row r="7" spans="1:12" ht="21.75" customHeight="1" x14ac:dyDescent="0.2">
      <c r="A7" s="5">
        <v>6</v>
      </c>
      <c r="B7" s="16" t="s">
        <v>12</v>
      </c>
      <c r="C7" s="6" t="s">
        <v>13</v>
      </c>
      <c r="D7" s="7" t="s">
        <v>29</v>
      </c>
      <c r="E7" s="18" t="s">
        <v>27</v>
      </c>
      <c r="F7" s="8">
        <v>0</v>
      </c>
      <c r="G7" s="5" t="s">
        <v>16</v>
      </c>
      <c r="H7" s="6" t="s">
        <v>30</v>
      </c>
      <c r="I7" s="9">
        <v>6021005003096</v>
      </c>
      <c r="K7" s="11">
        <v>0</v>
      </c>
      <c r="L7" s="11">
        <v>0</v>
      </c>
    </row>
    <row r="8" spans="1:12" ht="21.75" customHeight="1" x14ac:dyDescent="0.2">
      <c r="A8" s="5">
        <v>7</v>
      </c>
      <c r="B8" s="16" t="s">
        <v>12</v>
      </c>
      <c r="C8" s="6" t="s">
        <v>13</v>
      </c>
      <c r="D8" s="7" t="s">
        <v>29</v>
      </c>
      <c r="E8" s="18" t="s">
        <v>27</v>
      </c>
      <c r="F8" s="8">
        <v>0</v>
      </c>
      <c r="G8" s="5" t="s">
        <v>16</v>
      </c>
      <c r="H8" s="6" t="s">
        <v>31</v>
      </c>
      <c r="I8" s="9">
        <v>7021005003095</v>
      </c>
      <c r="K8" s="11">
        <v>0</v>
      </c>
      <c r="L8" s="11">
        <v>0</v>
      </c>
    </row>
    <row r="9" spans="1:12" ht="21.75" customHeight="1" x14ac:dyDescent="0.2">
      <c r="A9" s="5">
        <v>8</v>
      </c>
      <c r="B9" s="16" t="s">
        <v>12</v>
      </c>
      <c r="C9" s="6" t="s">
        <v>13</v>
      </c>
      <c r="D9" s="7" t="s">
        <v>32</v>
      </c>
      <c r="E9" s="18" t="s">
        <v>19</v>
      </c>
      <c r="F9" s="8">
        <v>0</v>
      </c>
      <c r="G9" s="5" t="s">
        <v>16</v>
      </c>
      <c r="H9" s="6" t="s">
        <v>33</v>
      </c>
      <c r="I9" s="9">
        <v>4021005003073</v>
      </c>
      <c r="K9" s="11">
        <v>0</v>
      </c>
      <c r="L9" s="11">
        <v>0</v>
      </c>
    </row>
    <row r="10" spans="1:12" ht="21.75" customHeight="1" x14ac:dyDescent="0.2">
      <c r="A10" s="5">
        <v>9</v>
      </c>
      <c r="B10" s="16" t="s">
        <v>12</v>
      </c>
      <c r="C10" s="6" t="s">
        <v>13</v>
      </c>
      <c r="D10" s="7" t="s">
        <v>34</v>
      </c>
      <c r="E10" s="18" t="s">
        <v>27</v>
      </c>
      <c r="F10" s="8">
        <v>0</v>
      </c>
      <c r="G10" s="5" t="s">
        <v>16</v>
      </c>
      <c r="H10" s="6" t="s">
        <v>35</v>
      </c>
      <c r="I10" s="9">
        <v>2021005003100</v>
      </c>
      <c r="K10" s="11">
        <v>0</v>
      </c>
      <c r="L10" s="11">
        <v>0</v>
      </c>
    </row>
    <row r="11" spans="1:12" ht="21.75" customHeight="1" x14ac:dyDescent="0.2">
      <c r="A11" s="5">
        <v>10</v>
      </c>
      <c r="B11" s="16" t="s">
        <v>12</v>
      </c>
      <c r="C11" s="6" t="s">
        <v>13</v>
      </c>
      <c r="D11" s="7" t="s">
        <v>36</v>
      </c>
      <c r="E11" s="18" t="s">
        <v>19</v>
      </c>
      <c r="F11" s="8">
        <v>0</v>
      </c>
      <c r="G11" s="5" t="s">
        <v>16</v>
      </c>
      <c r="H11" s="6" t="s">
        <v>37</v>
      </c>
      <c r="I11" s="9">
        <v>1021005003010</v>
      </c>
      <c r="K11" s="11">
        <v>0</v>
      </c>
      <c r="L11" s="11">
        <v>0</v>
      </c>
    </row>
    <row r="12" spans="1:12" ht="21.75" customHeight="1" x14ac:dyDescent="0.2">
      <c r="A12" s="5">
        <v>11</v>
      </c>
      <c r="B12" s="16" t="s">
        <v>12</v>
      </c>
      <c r="C12" s="6" t="s">
        <v>13</v>
      </c>
      <c r="D12" s="7" t="s">
        <v>36</v>
      </c>
      <c r="E12" s="18" t="s">
        <v>27</v>
      </c>
      <c r="F12" s="8">
        <v>0</v>
      </c>
      <c r="G12" s="5" t="s">
        <v>16</v>
      </c>
      <c r="H12" s="6" t="s">
        <v>38</v>
      </c>
      <c r="I12" s="9">
        <v>9021005003102</v>
      </c>
      <c r="K12" s="11">
        <v>0</v>
      </c>
      <c r="L12" s="11">
        <v>0</v>
      </c>
    </row>
    <row r="13" spans="1:12" ht="21.75" customHeight="1" x14ac:dyDescent="0.2">
      <c r="A13" s="5">
        <v>12</v>
      </c>
      <c r="B13" s="16" t="s">
        <v>12</v>
      </c>
      <c r="C13" s="6" t="s">
        <v>13</v>
      </c>
      <c r="D13" s="7" t="s">
        <v>39</v>
      </c>
      <c r="E13" s="18" t="s">
        <v>24</v>
      </c>
      <c r="F13" s="8">
        <v>0</v>
      </c>
      <c r="G13" s="5" t="s">
        <v>16</v>
      </c>
      <c r="H13" s="6" t="s">
        <v>40</v>
      </c>
      <c r="I13" s="9">
        <v>9021005003011</v>
      </c>
      <c r="K13" s="11">
        <v>0</v>
      </c>
      <c r="L13" s="11">
        <v>0</v>
      </c>
    </row>
    <row r="14" spans="1:12" ht="21.75" customHeight="1" x14ac:dyDescent="0.2">
      <c r="A14" s="5">
        <v>13</v>
      </c>
      <c r="B14" s="16" t="s">
        <v>12</v>
      </c>
      <c r="C14" s="6" t="s">
        <v>13</v>
      </c>
      <c r="D14" s="7" t="s">
        <v>41</v>
      </c>
      <c r="E14" s="18" t="s">
        <v>27</v>
      </c>
      <c r="F14" s="8">
        <v>0</v>
      </c>
      <c r="G14" s="5" t="s">
        <v>16</v>
      </c>
      <c r="H14" s="6" t="s">
        <v>42</v>
      </c>
      <c r="I14" s="9">
        <v>7021005003104</v>
      </c>
      <c r="K14" s="11">
        <v>0</v>
      </c>
      <c r="L14" s="11">
        <v>0</v>
      </c>
    </row>
    <row r="15" spans="1:12" ht="21.75" customHeight="1" x14ac:dyDescent="0.2">
      <c r="A15" s="5">
        <v>14</v>
      </c>
      <c r="B15" s="16" t="s">
        <v>12</v>
      </c>
      <c r="C15" s="6" t="s">
        <v>13</v>
      </c>
      <c r="D15" s="7" t="s">
        <v>43</v>
      </c>
      <c r="E15" s="18" t="s">
        <v>24</v>
      </c>
      <c r="F15" s="8">
        <v>0</v>
      </c>
      <c r="G15" s="5" t="s">
        <v>16</v>
      </c>
      <c r="H15" s="6" t="s">
        <v>44</v>
      </c>
      <c r="I15" s="9">
        <v>8021005003012</v>
      </c>
      <c r="K15" s="11">
        <v>0</v>
      </c>
      <c r="L15" s="11">
        <v>0</v>
      </c>
    </row>
    <row r="16" spans="1:12" ht="21.75" customHeight="1" x14ac:dyDescent="0.2">
      <c r="A16" s="5">
        <v>15</v>
      </c>
      <c r="B16" s="16" t="s">
        <v>12</v>
      </c>
      <c r="C16" s="6" t="s">
        <v>13</v>
      </c>
      <c r="D16" s="7" t="s">
        <v>45</v>
      </c>
      <c r="E16" s="18" t="s">
        <v>27</v>
      </c>
      <c r="F16" s="8">
        <v>0</v>
      </c>
      <c r="G16" s="5" t="s">
        <v>16</v>
      </c>
      <c r="H16" s="6" t="s">
        <v>46</v>
      </c>
      <c r="I16" s="9">
        <v>3021005003124</v>
      </c>
      <c r="K16" s="11">
        <v>0</v>
      </c>
      <c r="L16" s="11">
        <v>0</v>
      </c>
    </row>
    <row r="17" spans="1:12" ht="21.75" customHeight="1" x14ac:dyDescent="0.2">
      <c r="A17" s="5">
        <v>16</v>
      </c>
      <c r="B17" s="16" t="s">
        <v>12</v>
      </c>
      <c r="C17" s="6" t="s">
        <v>13</v>
      </c>
      <c r="D17" s="7" t="s">
        <v>47</v>
      </c>
      <c r="E17" s="18" t="s">
        <v>15</v>
      </c>
      <c r="F17" s="8">
        <v>0</v>
      </c>
      <c r="G17" s="5" t="s">
        <v>16</v>
      </c>
      <c r="H17" s="6" t="s">
        <v>48</v>
      </c>
      <c r="I17" s="9">
        <v>3021005002704</v>
      </c>
      <c r="K17" s="11">
        <v>0</v>
      </c>
      <c r="L17" s="11">
        <v>0</v>
      </c>
    </row>
    <row r="18" spans="1:12" ht="21.75" customHeight="1" x14ac:dyDescent="0.2">
      <c r="A18" s="5">
        <v>17</v>
      </c>
      <c r="B18" s="16" t="s">
        <v>12</v>
      </c>
      <c r="C18" s="6" t="s">
        <v>13</v>
      </c>
      <c r="D18" s="7" t="s">
        <v>49</v>
      </c>
      <c r="E18" s="18" t="s">
        <v>27</v>
      </c>
      <c r="F18" s="8">
        <v>0</v>
      </c>
      <c r="G18" s="5" t="s">
        <v>16</v>
      </c>
      <c r="H18" s="6" t="s">
        <v>50</v>
      </c>
      <c r="I18" s="9">
        <v>1021005003027</v>
      </c>
      <c r="K18" s="11">
        <v>0</v>
      </c>
      <c r="L18" s="11">
        <v>0</v>
      </c>
    </row>
    <row r="19" spans="1:12" ht="21.75" customHeight="1" x14ac:dyDescent="0.2">
      <c r="A19" s="5">
        <v>18</v>
      </c>
      <c r="B19" s="16" t="s">
        <v>12</v>
      </c>
      <c r="C19" s="6" t="s">
        <v>13</v>
      </c>
      <c r="D19" s="7" t="s">
        <v>51</v>
      </c>
      <c r="E19" s="18" t="s">
        <v>24</v>
      </c>
      <c r="F19" s="8">
        <v>0</v>
      </c>
      <c r="G19" s="5" t="s">
        <v>16</v>
      </c>
      <c r="H19" s="6" t="s">
        <v>52</v>
      </c>
      <c r="I19" s="9">
        <v>3021005003025</v>
      </c>
      <c r="K19" s="11">
        <v>0</v>
      </c>
      <c r="L19" s="11">
        <v>0</v>
      </c>
    </row>
    <row r="20" spans="1:12" ht="21.75" customHeight="1" x14ac:dyDescent="0.2">
      <c r="A20" s="5">
        <v>19</v>
      </c>
      <c r="B20" s="16" t="s">
        <v>12</v>
      </c>
      <c r="C20" s="6" t="s">
        <v>13</v>
      </c>
      <c r="D20" s="7" t="s">
        <v>51</v>
      </c>
      <c r="E20" s="18" t="s">
        <v>24</v>
      </c>
      <c r="F20" s="8">
        <v>0</v>
      </c>
      <c r="G20" s="5" t="s">
        <v>16</v>
      </c>
      <c r="H20" s="6" t="s">
        <v>53</v>
      </c>
      <c r="I20" s="9">
        <v>5021005003023</v>
      </c>
      <c r="K20" s="11">
        <v>0</v>
      </c>
      <c r="L20" s="11">
        <v>0</v>
      </c>
    </row>
    <row r="21" spans="1:12" ht="21.75" customHeight="1" x14ac:dyDescent="0.2">
      <c r="A21" s="5">
        <v>20</v>
      </c>
      <c r="B21" s="16" t="s">
        <v>12</v>
      </c>
      <c r="C21" s="6" t="s">
        <v>13</v>
      </c>
      <c r="D21" s="7" t="s">
        <v>51</v>
      </c>
      <c r="E21" s="18" t="s">
        <v>19</v>
      </c>
      <c r="F21" s="8">
        <v>0</v>
      </c>
      <c r="G21" s="5" t="s">
        <v>16</v>
      </c>
      <c r="H21" s="6" t="s">
        <v>54</v>
      </c>
      <c r="I21" s="9">
        <v>6021005003022</v>
      </c>
      <c r="K21" s="11">
        <v>0</v>
      </c>
      <c r="L21" s="11">
        <v>0</v>
      </c>
    </row>
    <row r="22" spans="1:12" ht="21.75" customHeight="1" x14ac:dyDescent="0.2">
      <c r="A22" s="5">
        <v>21</v>
      </c>
      <c r="B22" s="16" t="s">
        <v>12</v>
      </c>
      <c r="C22" s="6" t="s">
        <v>13</v>
      </c>
      <c r="D22" s="7" t="s">
        <v>51</v>
      </c>
      <c r="E22" s="18" t="s">
        <v>19</v>
      </c>
      <c r="F22" s="8">
        <v>0</v>
      </c>
      <c r="G22" s="5" t="s">
        <v>16</v>
      </c>
      <c r="H22" s="6" t="s">
        <v>55</v>
      </c>
      <c r="I22" s="9">
        <v>2021005003026</v>
      </c>
      <c r="K22" s="11">
        <v>0</v>
      </c>
      <c r="L22" s="11">
        <v>0</v>
      </c>
    </row>
    <row r="23" spans="1:12" ht="21.75" customHeight="1" x14ac:dyDescent="0.2">
      <c r="A23" s="5">
        <v>22</v>
      </c>
      <c r="B23" s="16" t="s">
        <v>12</v>
      </c>
      <c r="C23" s="6" t="s">
        <v>13</v>
      </c>
      <c r="D23" s="7" t="s">
        <v>51</v>
      </c>
      <c r="E23" s="18" t="s">
        <v>19</v>
      </c>
      <c r="F23" s="8">
        <v>0</v>
      </c>
      <c r="G23" s="5" t="s">
        <v>16</v>
      </c>
      <c r="H23" s="6" t="s">
        <v>56</v>
      </c>
      <c r="I23" s="9">
        <v>4021005003024</v>
      </c>
      <c r="K23" s="11">
        <v>0</v>
      </c>
      <c r="L23" s="11">
        <v>0</v>
      </c>
    </row>
    <row r="24" spans="1:12" ht="21.75" customHeight="1" x14ac:dyDescent="0.2">
      <c r="A24" s="5">
        <v>23</v>
      </c>
      <c r="B24" s="16" t="s">
        <v>12</v>
      </c>
      <c r="C24" s="6" t="s">
        <v>13</v>
      </c>
      <c r="D24" s="7" t="s">
        <v>51</v>
      </c>
      <c r="E24" s="18" t="s">
        <v>27</v>
      </c>
      <c r="F24" s="8">
        <v>0</v>
      </c>
      <c r="G24" s="5" t="s">
        <v>16</v>
      </c>
      <c r="H24" s="6" t="s">
        <v>57</v>
      </c>
      <c r="I24" s="9">
        <v>2021005003109</v>
      </c>
      <c r="K24" s="11">
        <v>0</v>
      </c>
      <c r="L24" s="11">
        <v>0</v>
      </c>
    </row>
    <row r="25" spans="1:12" ht="21.75" customHeight="1" x14ac:dyDescent="0.2">
      <c r="A25" s="5">
        <v>24</v>
      </c>
      <c r="B25" s="16" t="s">
        <v>12</v>
      </c>
      <c r="C25" s="6" t="s">
        <v>13</v>
      </c>
      <c r="D25" s="7" t="s">
        <v>58</v>
      </c>
      <c r="E25" s="18" t="s">
        <v>59</v>
      </c>
      <c r="F25" s="8">
        <v>0</v>
      </c>
      <c r="G25" s="5" t="s">
        <v>16</v>
      </c>
      <c r="H25" s="6" t="s">
        <v>60</v>
      </c>
      <c r="I25" s="9">
        <v>5021005002710</v>
      </c>
      <c r="K25" s="11">
        <v>0</v>
      </c>
      <c r="L25" s="11">
        <v>0</v>
      </c>
    </row>
    <row r="26" spans="1:12" ht="21.75" customHeight="1" x14ac:dyDescent="0.2">
      <c r="A26" s="5">
        <v>25</v>
      </c>
      <c r="B26" s="16" t="s">
        <v>12</v>
      </c>
      <c r="C26" s="6" t="s">
        <v>13</v>
      </c>
      <c r="D26" s="7" t="s">
        <v>61</v>
      </c>
      <c r="E26" s="18" t="s">
        <v>19</v>
      </c>
      <c r="F26" s="8">
        <v>0</v>
      </c>
      <c r="G26" s="5" t="s">
        <v>16</v>
      </c>
      <c r="H26" s="6" t="s">
        <v>62</v>
      </c>
      <c r="I26" s="9">
        <v>1021005003084</v>
      </c>
      <c r="K26" s="11">
        <v>0</v>
      </c>
      <c r="L26" s="11">
        <v>0</v>
      </c>
    </row>
    <row r="27" spans="1:12" ht="21.75" customHeight="1" x14ac:dyDescent="0.2">
      <c r="A27" s="5">
        <v>26</v>
      </c>
      <c r="B27" s="16" t="s">
        <v>12</v>
      </c>
      <c r="C27" s="6" t="s">
        <v>13</v>
      </c>
      <c r="D27" s="7" t="s">
        <v>63</v>
      </c>
      <c r="E27" s="18" t="s">
        <v>27</v>
      </c>
      <c r="F27" s="8">
        <v>0</v>
      </c>
      <c r="G27" s="5" t="s">
        <v>16</v>
      </c>
      <c r="H27" s="6" t="s">
        <v>64</v>
      </c>
      <c r="I27" s="9">
        <v>6021005003113</v>
      </c>
      <c r="J27" s="10" t="s">
        <v>562</v>
      </c>
      <c r="K27" s="11" t="s">
        <v>65</v>
      </c>
      <c r="L27" s="11">
        <v>0</v>
      </c>
    </row>
    <row r="28" spans="1:12" ht="21.75" customHeight="1" x14ac:dyDescent="0.2">
      <c r="A28" s="5">
        <v>27</v>
      </c>
      <c r="B28" s="16" t="s">
        <v>12</v>
      </c>
      <c r="C28" s="6" t="s">
        <v>13</v>
      </c>
      <c r="D28" s="7" t="s">
        <v>66</v>
      </c>
      <c r="E28" s="18" t="s">
        <v>19</v>
      </c>
      <c r="F28" s="8">
        <v>0</v>
      </c>
      <c r="G28" s="5" t="s">
        <v>16</v>
      </c>
      <c r="H28" s="6" t="s">
        <v>67</v>
      </c>
      <c r="I28" s="9">
        <v>2021005003042</v>
      </c>
      <c r="K28" s="11">
        <v>0</v>
      </c>
      <c r="L28" s="11">
        <v>0</v>
      </c>
    </row>
    <row r="29" spans="1:12" ht="21.75" customHeight="1" x14ac:dyDescent="0.2">
      <c r="A29" s="5">
        <v>28</v>
      </c>
      <c r="B29" s="16" t="s">
        <v>12</v>
      </c>
      <c r="C29" s="6" t="s">
        <v>13</v>
      </c>
      <c r="D29" s="7" t="s">
        <v>68</v>
      </c>
      <c r="E29" s="18" t="s">
        <v>19</v>
      </c>
      <c r="F29" s="8">
        <v>0</v>
      </c>
      <c r="G29" s="5" t="s">
        <v>16</v>
      </c>
      <c r="H29" s="6" t="s">
        <v>69</v>
      </c>
      <c r="I29" s="9">
        <v>5021005003089</v>
      </c>
      <c r="K29" s="11">
        <v>0</v>
      </c>
      <c r="L29" s="11">
        <v>0</v>
      </c>
    </row>
    <row r="30" spans="1:12" ht="21.75" customHeight="1" x14ac:dyDescent="0.2">
      <c r="A30" s="5">
        <v>29</v>
      </c>
      <c r="B30" s="16" t="s">
        <v>12</v>
      </c>
      <c r="C30" s="6" t="s">
        <v>13</v>
      </c>
      <c r="D30" s="7" t="s">
        <v>70</v>
      </c>
      <c r="E30" s="18" t="s">
        <v>19</v>
      </c>
      <c r="F30" s="8">
        <v>0</v>
      </c>
      <c r="G30" s="5" t="s">
        <v>16</v>
      </c>
      <c r="H30" s="6" t="s">
        <v>71</v>
      </c>
      <c r="I30" s="9">
        <v>9021005003044</v>
      </c>
      <c r="K30" s="11">
        <v>0</v>
      </c>
      <c r="L30" s="11">
        <v>0</v>
      </c>
    </row>
    <row r="31" spans="1:12" ht="21.75" customHeight="1" x14ac:dyDescent="0.2">
      <c r="A31" s="5">
        <v>30</v>
      </c>
      <c r="B31" s="16" t="s">
        <v>12</v>
      </c>
      <c r="C31" s="6" t="s">
        <v>13</v>
      </c>
      <c r="D31" s="7" t="s">
        <v>72</v>
      </c>
      <c r="E31" s="18" t="s">
        <v>19</v>
      </c>
      <c r="F31" s="8">
        <v>0</v>
      </c>
      <c r="G31" s="5" t="s">
        <v>16</v>
      </c>
      <c r="H31" s="6" t="s">
        <v>73</v>
      </c>
      <c r="I31" s="9">
        <v>1021005003043</v>
      </c>
      <c r="K31" s="11">
        <v>0</v>
      </c>
      <c r="L31" s="11">
        <v>0</v>
      </c>
    </row>
    <row r="32" spans="1:12" ht="21.75" customHeight="1" x14ac:dyDescent="0.2">
      <c r="A32" s="5">
        <v>31</v>
      </c>
      <c r="B32" s="16" t="s">
        <v>12</v>
      </c>
      <c r="C32" s="6" t="s">
        <v>13</v>
      </c>
      <c r="D32" s="7" t="s">
        <v>74</v>
      </c>
      <c r="E32" s="18" t="s">
        <v>19</v>
      </c>
      <c r="F32" s="8">
        <v>0</v>
      </c>
      <c r="G32" s="5" t="s">
        <v>16</v>
      </c>
      <c r="H32" s="6" t="s">
        <v>75</v>
      </c>
      <c r="I32" s="9">
        <v>7021005003046</v>
      </c>
      <c r="K32" s="11">
        <v>0</v>
      </c>
      <c r="L32" s="11">
        <v>0</v>
      </c>
    </row>
    <row r="33" spans="1:12" ht="21.75" customHeight="1" x14ac:dyDescent="0.2">
      <c r="A33" s="5">
        <v>32</v>
      </c>
      <c r="B33" s="16" t="s">
        <v>12</v>
      </c>
      <c r="C33" s="6" t="s">
        <v>13</v>
      </c>
      <c r="D33" s="7" t="s">
        <v>76</v>
      </c>
      <c r="E33" s="18" t="s">
        <v>77</v>
      </c>
      <c r="F33" s="8">
        <v>0</v>
      </c>
      <c r="G33" s="5" t="s">
        <v>16</v>
      </c>
      <c r="H33" s="6" t="s">
        <v>78</v>
      </c>
      <c r="I33" s="9">
        <v>7021005002758</v>
      </c>
      <c r="K33" s="11">
        <v>0</v>
      </c>
      <c r="L33" s="11">
        <v>0</v>
      </c>
    </row>
    <row r="34" spans="1:12" ht="21.75" customHeight="1" x14ac:dyDescent="0.2">
      <c r="A34" s="5">
        <v>33</v>
      </c>
      <c r="B34" s="16" t="s">
        <v>12</v>
      </c>
      <c r="C34" s="6" t="s">
        <v>13</v>
      </c>
      <c r="D34" s="7" t="s">
        <v>79</v>
      </c>
      <c r="E34" s="18" t="s">
        <v>19</v>
      </c>
      <c r="F34" s="8">
        <v>0</v>
      </c>
      <c r="G34" s="5" t="s">
        <v>16</v>
      </c>
      <c r="H34" s="6" t="s">
        <v>80</v>
      </c>
      <c r="I34" s="9">
        <v>4021005003049</v>
      </c>
      <c r="K34" s="11">
        <v>0</v>
      </c>
      <c r="L34" s="11">
        <v>0</v>
      </c>
    </row>
    <row r="35" spans="1:12" ht="21.75" customHeight="1" x14ac:dyDescent="0.2">
      <c r="A35" s="5">
        <v>34</v>
      </c>
      <c r="B35" s="16" t="s">
        <v>12</v>
      </c>
      <c r="C35" s="6" t="s">
        <v>13</v>
      </c>
      <c r="D35" s="7" t="s">
        <v>79</v>
      </c>
      <c r="E35" s="18" t="s">
        <v>24</v>
      </c>
      <c r="F35" s="8">
        <v>0</v>
      </c>
      <c r="G35" s="5" t="s">
        <v>16</v>
      </c>
      <c r="H35" s="6" t="s">
        <v>81</v>
      </c>
      <c r="I35" s="9">
        <v>6021005003047</v>
      </c>
      <c r="K35" s="11">
        <v>0</v>
      </c>
      <c r="L35" s="11">
        <v>0</v>
      </c>
    </row>
    <row r="36" spans="1:12" ht="21.75" customHeight="1" x14ac:dyDescent="0.2">
      <c r="A36" s="5">
        <v>35</v>
      </c>
      <c r="B36" s="16" t="s">
        <v>12</v>
      </c>
      <c r="C36" s="6" t="s">
        <v>13</v>
      </c>
      <c r="D36" s="7" t="s">
        <v>82</v>
      </c>
      <c r="E36" s="18" t="s">
        <v>24</v>
      </c>
      <c r="F36" s="8">
        <v>0</v>
      </c>
      <c r="G36" s="5" t="s">
        <v>16</v>
      </c>
      <c r="H36" s="6" t="s">
        <v>83</v>
      </c>
      <c r="I36" s="9">
        <v>1021005003051</v>
      </c>
      <c r="K36" s="11">
        <v>0</v>
      </c>
      <c r="L36" s="11">
        <v>0</v>
      </c>
    </row>
    <row r="37" spans="1:12" ht="21.75" customHeight="1" x14ac:dyDescent="0.2">
      <c r="A37" s="5">
        <v>36</v>
      </c>
      <c r="B37" s="16" t="s">
        <v>12</v>
      </c>
      <c r="C37" s="6" t="s">
        <v>13</v>
      </c>
      <c r="D37" s="7" t="s">
        <v>82</v>
      </c>
      <c r="E37" s="18" t="s">
        <v>19</v>
      </c>
      <c r="F37" s="8">
        <v>0</v>
      </c>
      <c r="G37" s="5" t="s">
        <v>16</v>
      </c>
      <c r="H37" s="6" t="s">
        <v>84</v>
      </c>
      <c r="I37" s="9">
        <v>5021005003048</v>
      </c>
      <c r="K37" s="11">
        <v>0</v>
      </c>
      <c r="L37" s="11">
        <v>0</v>
      </c>
    </row>
    <row r="38" spans="1:12" ht="21.75" customHeight="1" x14ac:dyDescent="0.2">
      <c r="A38" s="5">
        <v>37</v>
      </c>
      <c r="B38" s="16" t="s">
        <v>12</v>
      </c>
      <c r="C38" s="6" t="s">
        <v>13</v>
      </c>
      <c r="D38" s="7" t="s">
        <v>82</v>
      </c>
      <c r="E38" s="18" t="s">
        <v>27</v>
      </c>
      <c r="F38" s="8">
        <v>0</v>
      </c>
      <c r="G38" s="5" t="s">
        <v>16</v>
      </c>
      <c r="H38" s="6" t="s">
        <v>85</v>
      </c>
      <c r="I38" s="9">
        <v>9021005003085</v>
      </c>
      <c r="K38" s="11">
        <v>0</v>
      </c>
      <c r="L38" s="11">
        <v>0</v>
      </c>
    </row>
    <row r="39" spans="1:12" ht="21.75" customHeight="1" x14ac:dyDescent="0.2">
      <c r="A39" s="5">
        <v>38</v>
      </c>
      <c r="B39" s="16" t="s">
        <v>12</v>
      </c>
      <c r="C39" s="6" t="s">
        <v>13</v>
      </c>
      <c r="D39" s="7" t="s">
        <v>82</v>
      </c>
      <c r="E39" s="18" t="s">
        <v>27</v>
      </c>
      <c r="F39" s="8">
        <v>0</v>
      </c>
      <c r="G39" s="5" t="s">
        <v>16</v>
      </c>
      <c r="H39" s="6" t="s">
        <v>86</v>
      </c>
      <c r="I39" s="9">
        <v>4021005003115</v>
      </c>
      <c r="K39" s="11">
        <v>0</v>
      </c>
      <c r="L39" s="11">
        <v>0</v>
      </c>
    </row>
    <row r="40" spans="1:12" ht="21.75" customHeight="1" x14ac:dyDescent="0.2">
      <c r="A40" s="5">
        <v>39</v>
      </c>
      <c r="B40" s="16" t="s">
        <v>12</v>
      </c>
      <c r="C40" s="6" t="s">
        <v>13</v>
      </c>
      <c r="D40" s="7" t="s">
        <v>82</v>
      </c>
      <c r="E40" s="18" t="s">
        <v>27</v>
      </c>
      <c r="F40" s="8">
        <v>0</v>
      </c>
      <c r="G40" s="5" t="s">
        <v>16</v>
      </c>
      <c r="H40" s="6" t="s">
        <v>87</v>
      </c>
      <c r="I40" s="9">
        <v>3021005003116</v>
      </c>
      <c r="K40" s="11">
        <v>0</v>
      </c>
      <c r="L40" s="11">
        <v>0</v>
      </c>
    </row>
    <row r="41" spans="1:12" ht="21.75" customHeight="1" x14ac:dyDescent="0.2">
      <c r="A41" s="5">
        <v>40</v>
      </c>
      <c r="B41" s="16" t="s">
        <v>12</v>
      </c>
      <c r="C41" s="6" t="s">
        <v>13</v>
      </c>
      <c r="D41" s="7" t="s">
        <v>82</v>
      </c>
      <c r="E41" s="18" t="s">
        <v>19</v>
      </c>
      <c r="F41" s="8">
        <v>0</v>
      </c>
      <c r="G41" s="5" t="s">
        <v>16</v>
      </c>
      <c r="H41" s="6" t="s">
        <v>88</v>
      </c>
      <c r="I41" s="9">
        <v>6021005003088</v>
      </c>
      <c r="K41" s="11">
        <v>0</v>
      </c>
      <c r="L41" s="11">
        <v>0</v>
      </c>
    </row>
    <row r="42" spans="1:12" ht="21.75" customHeight="1" x14ac:dyDescent="0.2">
      <c r="A42" s="5">
        <v>41</v>
      </c>
      <c r="B42" s="16" t="s">
        <v>12</v>
      </c>
      <c r="C42" s="6" t="s">
        <v>13</v>
      </c>
      <c r="D42" s="7" t="s">
        <v>89</v>
      </c>
      <c r="E42" s="18" t="s">
        <v>27</v>
      </c>
      <c r="F42" s="8">
        <v>0</v>
      </c>
      <c r="G42" s="5" t="s">
        <v>16</v>
      </c>
      <c r="H42" s="6" t="s">
        <v>90</v>
      </c>
      <c r="I42" s="9">
        <v>2021005003117</v>
      </c>
      <c r="K42" s="11">
        <v>0</v>
      </c>
      <c r="L42" s="11">
        <v>0</v>
      </c>
    </row>
    <row r="43" spans="1:12" ht="21.75" customHeight="1" x14ac:dyDescent="0.2">
      <c r="A43" s="5">
        <v>42</v>
      </c>
      <c r="B43" s="16" t="s">
        <v>12</v>
      </c>
      <c r="C43" s="6" t="s">
        <v>13</v>
      </c>
      <c r="D43" s="7" t="s">
        <v>91</v>
      </c>
      <c r="E43" s="18" t="s">
        <v>77</v>
      </c>
      <c r="F43" s="8">
        <v>0</v>
      </c>
      <c r="G43" s="5" t="s">
        <v>16</v>
      </c>
      <c r="H43" s="6" t="s">
        <v>92</v>
      </c>
      <c r="I43" s="9">
        <v>3021005002761</v>
      </c>
      <c r="K43" s="11">
        <v>0</v>
      </c>
      <c r="L43" s="11">
        <v>0</v>
      </c>
    </row>
    <row r="44" spans="1:12" ht="21.75" customHeight="1" x14ac:dyDescent="0.2">
      <c r="A44" s="5">
        <v>43</v>
      </c>
      <c r="B44" s="16" t="s">
        <v>12</v>
      </c>
      <c r="C44" s="6" t="s">
        <v>13</v>
      </c>
      <c r="D44" s="7" t="s">
        <v>93</v>
      </c>
      <c r="E44" s="18" t="s">
        <v>27</v>
      </c>
      <c r="F44" s="8">
        <v>0</v>
      </c>
      <c r="G44" s="5" t="s">
        <v>16</v>
      </c>
      <c r="H44" s="6" t="s">
        <v>94</v>
      </c>
      <c r="I44" s="9">
        <v>1021005003118</v>
      </c>
      <c r="K44" s="11">
        <v>0</v>
      </c>
      <c r="L44" s="11">
        <v>0</v>
      </c>
    </row>
    <row r="45" spans="1:12" ht="21.75" customHeight="1" x14ac:dyDescent="0.2">
      <c r="A45" s="5">
        <v>44</v>
      </c>
      <c r="B45" s="16" t="s">
        <v>12</v>
      </c>
      <c r="C45" s="6" t="s">
        <v>13</v>
      </c>
      <c r="D45" s="7" t="s">
        <v>95</v>
      </c>
      <c r="E45" s="18" t="s">
        <v>19</v>
      </c>
      <c r="F45" s="8">
        <v>0</v>
      </c>
      <c r="G45" s="5" t="s">
        <v>16</v>
      </c>
      <c r="H45" s="6" t="s">
        <v>96</v>
      </c>
      <c r="I45" s="9">
        <v>2021005003059</v>
      </c>
      <c r="K45" s="11">
        <v>0</v>
      </c>
      <c r="L45" s="11">
        <v>0</v>
      </c>
    </row>
    <row r="46" spans="1:12" ht="21.75" customHeight="1" x14ac:dyDescent="0.2">
      <c r="A46" s="5">
        <v>45</v>
      </c>
      <c r="B46" s="16" t="s">
        <v>12</v>
      </c>
      <c r="C46" s="6" t="s">
        <v>13</v>
      </c>
      <c r="D46" s="7" t="s">
        <v>97</v>
      </c>
      <c r="E46" s="18" t="s">
        <v>24</v>
      </c>
      <c r="F46" s="8">
        <v>0</v>
      </c>
      <c r="G46" s="5" t="s">
        <v>16</v>
      </c>
      <c r="H46" s="6" t="s">
        <v>98</v>
      </c>
      <c r="I46" s="9">
        <v>5021005003064</v>
      </c>
      <c r="K46" s="11">
        <v>0</v>
      </c>
      <c r="L46" s="11">
        <v>0</v>
      </c>
    </row>
    <row r="47" spans="1:12" ht="21.75" customHeight="1" x14ac:dyDescent="0.2">
      <c r="A47" s="5">
        <v>46</v>
      </c>
      <c r="B47" s="16" t="s">
        <v>12</v>
      </c>
      <c r="C47" s="6" t="s">
        <v>13</v>
      </c>
      <c r="D47" s="7" t="s">
        <v>99</v>
      </c>
      <c r="E47" s="18" t="s">
        <v>27</v>
      </c>
      <c r="F47" s="8">
        <v>0</v>
      </c>
      <c r="G47" s="5" t="s">
        <v>16</v>
      </c>
      <c r="H47" s="6" t="s">
        <v>100</v>
      </c>
      <c r="I47" s="9">
        <v>4021005003123</v>
      </c>
      <c r="K47" s="11">
        <v>0</v>
      </c>
      <c r="L47" s="11">
        <v>0</v>
      </c>
    </row>
    <row r="48" spans="1:12" ht="21.75" customHeight="1" x14ac:dyDescent="0.2">
      <c r="A48" s="5">
        <v>47</v>
      </c>
      <c r="B48" s="16" t="s">
        <v>12</v>
      </c>
      <c r="C48" s="6" t="s">
        <v>13</v>
      </c>
      <c r="D48" s="7" t="s">
        <v>99</v>
      </c>
      <c r="E48" s="18" t="s">
        <v>15</v>
      </c>
      <c r="F48" s="8">
        <v>0</v>
      </c>
      <c r="G48" s="5" t="s">
        <v>16</v>
      </c>
      <c r="H48" s="6" t="s">
        <v>101</v>
      </c>
      <c r="I48" s="9">
        <v>6021005002775</v>
      </c>
      <c r="K48" s="11">
        <v>0</v>
      </c>
      <c r="L48" s="11">
        <v>0</v>
      </c>
    </row>
    <row r="49" spans="1:12" ht="21.75" customHeight="1" x14ac:dyDescent="0.2">
      <c r="A49" s="5">
        <v>48</v>
      </c>
      <c r="B49" s="16" t="s">
        <v>12</v>
      </c>
      <c r="C49" s="6" t="s">
        <v>13</v>
      </c>
      <c r="D49" s="7" t="s">
        <v>102</v>
      </c>
      <c r="E49" s="18" t="s">
        <v>27</v>
      </c>
      <c r="F49" s="8">
        <v>0</v>
      </c>
      <c r="G49" s="5" t="s">
        <v>16</v>
      </c>
      <c r="H49" s="6" t="s">
        <v>103</v>
      </c>
      <c r="I49" s="9">
        <v>5021005003122</v>
      </c>
      <c r="K49" s="11">
        <v>0</v>
      </c>
      <c r="L49" s="11">
        <v>0</v>
      </c>
    </row>
    <row r="50" spans="1:12" ht="21.75" customHeight="1" x14ac:dyDescent="0.2">
      <c r="A50" s="5">
        <v>49</v>
      </c>
      <c r="B50" s="16" t="s">
        <v>12</v>
      </c>
      <c r="C50" s="6" t="s">
        <v>13</v>
      </c>
      <c r="D50" s="7" t="s">
        <v>104</v>
      </c>
      <c r="E50" s="18" t="s">
        <v>19</v>
      </c>
      <c r="F50" s="8">
        <v>0</v>
      </c>
      <c r="G50" s="5" t="s">
        <v>16</v>
      </c>
      <c r="H50" s="6" t="s">
        <v>105</v>
      </c>
      <c r="I50" s="9">
        <v>3021005003066</v>
      </c>
      <c r="K50" s="11">
        <v>0</v>
      </c>
      <c r="L50" s="11">
        <v>0</v>
      </c>
    </row>
    <row r="51" spans="1:12" ht="21.75" customHeight="1" x14ac:dyDescent="0.2">
      <c r="A51" s="5">
        <v>50</v>
      </c>
      <c r="B51" s="16" t="s">
        <v>12</v>
      </c>
      <c r="C51" s="6" t="s">
        <v>13</v>
      </c>
      <c r="D51" s="7" t="s">
        <v>106</v>
      </c>
      <c r="E51" s="18" t="s">
        <v>27</v>
      </c>
      <c r="F51" s="8">
        <v>0</v>
      </c>
      <c r="G51" s="5" t="s">
        <v>16</v>
      </c>
      <c r="H51" s="6" t="s">
        <v>107</v>
      </c>
      <c r="I51" s="9">
        <v>1021005003126</v>
      </c>
      <c r="K51" s="11">
        <v>0</v>
      </c>
      <c r="L51" s="11">
        <v>0</v>
      </c>
    </row>
    <row r="52" spans="1:12" ht="21.75" customHeight="1" x14ac:dyDescent="0.2">
      <c r="A52" s="5">
        <v>51</v>
      </c>
      <c r="B52" s="16" t="s">
        <v>12</v>
      </c>
      <c r="C52" s="6" t="s">
        <v>13</v>
      </c>
      <c r="D52" s="7" t="s">
        <v>108</v>
      </c>
      <c r="E52" s="18" t="s">
        <v>27</v>
      </c>
      <c r="F52" s="8">
        <v>0</v>
      </c>
      <c r="G52" s="5" t="s">
        <v>16</v>
      </c>
      <c r="H52" s="6" t="s">
        <v>109</v>
      </c>
      <c r="I52" s="9">
        <v>9021005003127</v>
      </c>
      <c r="K52" s="11">
        <v>0</v>
      </c>
      <c r="L52" s="11">
        <v>0</v>
      </c>
    </row>
    <row r="53" spans="1:12" ht="21.75" customHeight="1" x14ac:dyDescent="0.2">
      <c r="A53" s="5">
        <v>52</v>
      </c>
      <c r="B53" s="16" t="s">
        <v>12</v>
      </c>
      <c r="C53" s="6" t="s">
        <v>13</v>
      </c>
      <c r="D53" s="7" t="s">
        <v>110</v>
      </c>
      <c r="E53" s="18" t="s">
        <v>27</v>
      </c>
      <c r="F53" s="8">
        <v>0</v>
      </c>
      <c r="G53" s="5" t="s">
        <v>16</v>
      </c>
      <c r="H53" s="6" t="s">
        <v>111</v>
      </c>
      <c r="I53" s="9">
        <v>2021005003091</v>
      </c>
      <c r="K53" s="11">
        <v>0</v>
      </c>
      <c r="L53" s="11">
        <v>0</v>
      </c>
    </row>
    <row r="54" spans="1:12" ht="21.75" customHeight="1" x14ac:dyDescent="0.2">
      <c r="A54" s="5">
        <v>53</v>
      </c>
      <c r="B54" s="16" t="s">
        <v>12</v>
      </c>
      <c r="C54" s="6" t="s">
        <v>112</v>
      </c>
      <c r="D54" s="7" t="s">
        <v>113</v>
      </c>
      <c r="E54" s="18" t="s">
        <v>114</v>
      </c>
      <c r="F54" s="8">
        <v>0</v>
      </c>
      <c r="G54" s="5" t="s">
        <v>16</v>
      </c>
      <c r="H54" s="6" t="s">
        <v>115</v>
      </c>
      <c r="I54" s="9">
        <v>2021005003018</v>
      </c>
      <c r="K54" s="11">
        <v>0</v>
      </c>
      <c r="L54" s="11">
        <v>0</v>
      </c>
    </row>
    <row r="55" spans="1:12" ht="21.75" customHeight="1" x14ac:dyDescent="0.2">
      <c r="A55" s="5">
        <v>54</v>
      </c>
      <c r="B55" s="16" t="s">
        <v>12</v>
      </c>
      <c r="C55" s="6" t="s">
        <v>116</v>
      </c>
      <c r="D55" s="7" t="s">
        <v>117</v>
      </c>
      <c r="E55" s="18" t="s">
        <v>118</v>
      </c>
      <c r="F55" s="8">
        <v>0</v>
      </c>
      <c r="G55" s="5" t="s">
        <v>16</v>
      </c>
      <c r="H55" s="6" t="s">
        <v>119</v>
      </c>
      <c r="I55" s="9">
        <v>7021005003129</v>
      </c>
      <c r="K55" s="11">
        <v>0</v>
      </c>
      <c r="L55" s="11">
        <v>0</v>
      </c>
    </row>
    <row r="56" spans="1:12" ht="21.75" customHeight="1" x14ac:dyDescent="0.2">
      <c r="A56" s="5">
        <v>55</v>
      </c>
      <c r="B56" s="16" t="s">
        <v>120</v>
      </c>
      <c r="C56" s="6" t="s">
        <v>121</v>
      </c>
      <c r="D56" s="7" t="s">
        <v>122</v>
      </c>
      <c r="E56" s="18" t="s">
        <v>123</v>
      </c>
      <c r="F56" s="8">
        <v>0</v>
      </c>
      <c r="G56" s="5" t="s">
        <v>16</v>
      </c>
      <c r="H56" s="6" t="s">
        <v>124</v>
      </c>
      <c r="I56" s="9">
        <v>8021005003029</v>
      </c>
      <c r="K56" s="11">
        <v>0</v>
      </c>
      <c r="L56" s="11">
        <v>0</v>
      </c>
    </row>
    <row r="57" spans="1:12" ht="21.75" customHeight="1" x14ac:dyDescent="0.2">
      <c r="A57" s="5">
        <v>56</v>
      </c>
      <c r="B57" s="16" t="s">
        <v>120</v>
      </c>
      <c r="C57" s="6" t="s">
        <v>125</v>
      </c>
      <c r="D57" s="7" t="s">
        <v>126</v>
      </c>
      <c r="E57" s="18" t="s">
        <v>127</v>
      </c>
      <c r="F57" s="8">
        <v>0</v>
      </c>
      <c r="G57" s="5" t="s">
        <v>16</v>
      </c>
      <c r="H57" s="6" t="s">
        <v>128</v>
      </c>
      <c r="I57" s="9">
        <v>9021005003003</v>
      </c>
      <c r="K57" s="11">
        <v>0</v>
      </c>
      <c r="L57" s="11">
        <v>0</v>
      </c>
    </row>
    <row r="58" spans="1:12" ht="21.75" customHeight="1" x14ac:dyDescent="0.2">
      <c r="A58" s="5">
        <v>57</v>
      </c>
      <c r="B58" s="16" t="s">
        <v>120</v>
      </c>
      <c r="C58" s="6" t="s">
        <v>125</v>
      </c>
      <c r="D58" s="7" t="s">
        <v>129</v>
      </c>
      <c r="E58" s="18" t="s">
        <v>130</v>
      </c>
      <c r="F58" s="8">
        <v>0</v>
      </c>
      <c r="G58" s="5" t="s">
        <v>16</v>
      </c>
      <c r="H58" s="6" t="s">
        <v>131</v>
      </c>
      <c r="I58" s="9">
        <v>4021005003008</v>
      </c>
      <c r="K58" s="11">
        <v>0</v>
      </c>
      <c r="L58" s="11">
        <v>0</v>
      </c>
    </row>
    <row r="59" spans="1:12" ht="21.75" customHeight="1" x14ac:dyDescent="0.2">
      <c r="A59" s="5">
        <v>58</v>
      </c>
      <c r="B59" s="16" t="s">
        <v>120</v>
      </c>
      <c r="C59" s="6" t="s">
        <v>125</v>
      </c>
      <c r="D59" s="7" t="s">
        <v>132</v>
      </c>
      <c r="E59" s="18" t="s">
        <v>133</v>
      </c>
      <c r="F59" s="8">
        <v>0</v>
      </c>
      <c r="G59" s="5" t="s">
        <v>16</v>
      </c>
      <c r="H59" s="6" t="s">
        <v>134</v>
      </c>
      <c r="I59" s="9">
        <v>8021005003103</v>
      </c>
      <c r="K59" s="11">
        <v>0</v>
      </c>
      <c r="L59" s="11">
        <v>0</v>
      </c>
    </row>
    <row r="60" spans="1:12" ht="21.75" customHeight="1" x14ac:dyDescent="0.2">
      <c r="A60" s="5">
        <v>59</v>
      </c>
      <c r="B60" s="16" t="s">
        <v>120</v>
      </c>
      <c r="C60" s="6" t="s">
        <v>125</v>
      </c>
      <c r="D60" s="7" t="s">
        <v>135</v>
      </c>
      <c r="E60" s="18" t="s">
        <v>127</v>
      </c>
      <c r="F60" s="8">
        <v>0</v>
      </c>
      <c r="G60" s="5" t="s">
        <v>16</v>
      </c>
      <c r="H60" s="6" t="s">
        <v>136</v>
      </c>
      <c r="I60" s="9">
        <v>1021005003076</v>
      </c>
      <c r="K60" s="11">
        <v>0</v>
      </c>
      <c r="L60" s="11">
        <v>0</v>
      </c>
    </row>
    <row r="61" spans="1:12" ht="21.75" customHeight="1" x14ac:dyDescent="0.2">
      <c r="A61" s="5">
        <v>60</v>
      </c>
      <c r="B61" s="16" t="s">
        <v>120</v>
      </c>
      <c r="C61" s="6" t="s">
        <v>125</v>
      </c>
      <c r="D61" s="7" t="s">
        <v>137</v>
      </c>
      <c r="E61" s="18" t="s">
        <v>138</v>
      </c>
      <c r="F61" s="8">
        <v>0</v>
      </c>
      <c r="G61" s="5" t="s">
        <v>16</v>
      </c>
      <c r="H61" s="6" t="s">
        <v>139</v>
      </c>
      <c r="I61" s="9">
        <v>7021005003079</v>
      </c>
      <c r="K61" s="11">
        <v>0</v>
      </c>
      <c r="L61" s="11">
        <v>0</v>
      </c>
    </row>
    <row r="62" spans="1:12" ht="21.75" customHeight="1" x14ac:dyDescent="0.2">
      <c r="A62" s="5">
        <v>61</v>
      </c>
      <c r="B62" s="16" t="s">
        <v>120</v>
      </c>
      <c r="C62" s="6" t="s">
        <v>125</v>
      </c>
      <c r="D62" s="7" t="s">
        <v>140</v>
      </c>
      <c r="E62" s="18" t="s">
        <v>141</v>
      </c>
      <c r="F62" s="8">
        <v>0</v>
      </c>
      <c r="G62" s="5" t="s">
        <v>16</v>
      </c>
      <c r="H62" s="6" t="s">
        <v>142</v>
      </c>
      <c r="I62" s="9">
        <v>8021005003020</v>
      </c>
      <c r="K62" s="11">
        <v>0</v>
      </c>
      <c r="L62" s="11">
        <v>0</v>
      </c>
    </row>
    <row r="63" spans="1:12" ht="21.75" customHeight="1" x14ac:dyDescent="0.2">
      <c r="A63" s="5">
        <v>62</v>
      </c>
      <c r="B63" s="16" t="s">
        <v>120</v>
      </c>
      <c r="C63" s="6" t="s">
        <v>125</v>
      </c>
      <c r="D63" s="7" t="s">
        <v>143</v>
      </c>
      <c r="E63" s="18" t="s">
        <v>130</v>
      </c>
      <c r="F63" s="8">
        <v>0</v>
      </c>
      <c r="G63" s="5" t="s">
        <v>16</v>
      </c>
      <c r="H63" s="6" t="s">
        <v>144</v>
      </c>
      <c r="I63" s="9">
        <v>8021005003111</v>
      </c>
      <c r="K63" s="11">
        <v>0</v>
      </c>
      <c r="L63" s="11">
        <v>0</v>
      </c>
    </row>
    <row r="64" spans="1:12" ht="21.75" customHeight="1" x14ac:dyDescent="0.2">
      <c r="A64" s="5">
        <v>63</v>
      </c>
      <c r="B64" s="16" t="s">
        <v>120</v>
      </c>
      <c r="C64" s="6" t="s">
        <v>125</v>
      </c>
      <c r="D64" s="7" t="s">
        <v>145</v>
      </c>
      <c r="E64" s="18" t="s">
        <v>146</v>
      </c>
      <c r="F64" s="8">
        <v>0</v>
      </c>
      <c r="G64" s="5" t="s">
        <v>16</v>
      </c>
      <c r="H64" s="6" t="s">
        <v>147</v>
      </c>
      <c r="I64" s="9">
        <v>3021005003082</v>
      </c>
      <c r="K64" s="11">
        <v>0</v>
      </c>
      <c r="L64" s="11">
        <v>0</v>
      </c>
    </row>
    <row r="65" spans="1:12" ht="21.75" customHeight="1" x14ac:dyDescent="0.2">
      <c r="A65" s="5">
        <v>64</v>
      </c>
      <c r="B65" s="16" t="s">
        <v>120</v>
      </c>
      <c r="C65" s="6" t="s">
        <v>125</v>
      </c>
      <c r="D65" s="7" t="s">
        <v>148</v>
      </c>
      <c r="E65" s="18" t="s">
        <v>141</v>
      </c>
      <c r="F65" s="8">
        <v>0</v>
      </c>
      <c r="G65" s="5" t="s">
        <v>16</v>
      </c>
      <c r="H65" s="6" t="s">
        <v>149</v>
      </c>
      <c r="I65" s="9">
        <v>6021005003030</v>
      </c>
      <c r="K65" s="11">
        <v>0</v>
      </c>
      <c r="L65" s="11">
        <v>0</v>
      </c>
    </row>
    <row r="66" spans="1:12" ht="21.75" customHeight="1" x14ac:dyDescent="0.2">
      <c r="A66" s="5">
        <v>65</v>
      </c>
      <c r="B66" s="16" t="s">
        <v>120</v>
      </c>
      <c r="C66" s="6" t="s">
        <v>125</v>
      </c>
      <c r="D66" s="7" t="s">
        <v>150</v>
      </c>
      <c r="E66" s="18" t="s">
        <v>151</v>
      </c>
      <c r="F66" s="8">
        <v>0</v>
      </c>
      <c r="G66" s="5" t="s">
        <v>16</v>
      </c>
      <c r="H66" s="6" t="s">
        <v>152</v>
      </c>
      <c r="I66" s="9">
        <v>6021005003039</v>
      </c>
      <c r="K66" s="11">
        <v>0</v>
      </c>
      <c r="L66" s="11">
        <v>0</v>
      </c>
    </row>
    <row r="67" spans="1:12" ht="21.75" customHeight="1" x14ac:dyDescent="0.2">
      <c r="A67" s="5">
        <v>66</v>
      </c>
      <c r="B67" s="16" t="s">
        <v>120</v>
      </c>
      <c r="C67" s="6" t="s">
        <v>125</v>
      </c>
      <c r="D67" s="7" t="s">
        <v>153</v>
      </c>
      <c r="E67" s="18" t="s">
        <v>130</v>
      </c>
      <c r="F67" s="8">
        <v>0</v>
      </c>
      <c r="G67" s="5" t="s">
        <v>16</v>
      </c>
      <c r="H67" s="6" t="s">
        <v>154</v>
      </c>
      <c r="I67" s="9">
        <v>4021005003040</v>
      </c>
      <c r="K67" s="11">
        <v>0</v>
      </c>
      <c r="L67" s="11">
        <v>0</v>
      </c>
    </row>
    <row r="68" spans="1:12" ht="21.75" customHeight="1" x14ac:dyDescent="0.2">
      <c r="A68" s="5">
        <v>67</v>
      </c>
      <c r="B68" s="16" t="s">
        <v>120</v>
      </c>
      <c r="C68" s="6" t="s">
        <v>125</v>
      </c>
      <c r="D68" s="7" t="s">
        <v>155</v>
      </c>
      <c r="E68" s="18" t="s">
        <v>151</v>
      </c>
      <c r="F68" s="8">
        <v>0</v>
      </c>
      <c r="G68" s="5" t="s">
        <v>16</v>
      </c>
      <c r="H68" s="6" t="s">
        <v>156</v>
      </c>
      <c r="I68" s="9">
        <v>7021005003120</v>
      </c>
      <c r="K68" s="11">
        <v>0</v>
      </c>
      <c r="L68" s="11">
        <v>0</v>
      </c>
    </row>
    <row r="69" spans="1:12" ht="21.75" customHeight="1" x14ac:dyDescent="0.2">
      <c r="A69" s="5">
        <v>68</v>
      </c>
      <c r="B69" s="16" t="s">
        <v>120</v>
      </c>
      <c r="C69" s="6" t="s">
        <v>125</v>
      </c>
      <c r="D69" s="7" t="s">
        <v>157</v>
      </c>
      <c r="E69" s="18" t="s">
        <v>158</v>
      </c>
      <c r="F69" s="8">
        <v>0</v>
      </c>
      <c r="G69" s="5" t="s">
        <v>16</v>
      </c>
      <c r="H69" s="6" t="s">
        <v>159</v>
      </c>
      <c r="I69" s="9">
        <v>7021005003054</v>
      </c>
      <c r="K69" s="11">
        <v>0</v>
      </c>
      <c r="L69" s="11">
        <v>0</v>
      </c>
    </row>
    <row r="70" spans="1:12" ht="21.75" customHeight="1" x14ac:dyDescent="0.2">
      <c r="A70" s="5">
        <v>69</v>
      </c>
      <c r="B70" s="16" t="s">
        <v>120</v>
      </c>
      <c r="C70" s="6" t="s">
        <v>125</v>
      </c>
      <c r="D70" s="7" t="s">
        <v>160</v>
      </c>
      <c r="E70" s="18" t="s">
        <v>161</v>
      </c>
      <c r="F70" s="8">
        <v>0</v>
      </c>
      <c r="G70" s="5" t="s">
        <v>16</v>
      </c>
      <c r="H70" s="6" t="s">
        <v>162</v>
      </c>
      <c r="I70" s="9">
        <v>8021005003128</v>
      </c>
      <c r="K70" s="11">
        <v>0</v>
      </c>
      <c r="L70" s="11">
        <v>0</v>
      </c>
    </row>
    <row r="71" spans="1:12" ht="21.75" customHeight="1" x14ac:dyDescent="0.2">
      <c r="A71" s="5">
        <v>70</v>
      </c>
      <c r="B71" s="16" t="s">
        <v>120</v>
      </c>
      <c r="C71" s="6" t="s">
        <v>163</v>
      </c>
      <c r="D71" s="7" t="s">
        <v>164</v>
      </c>
      <c r="E71" s="18" t="s">
        <v>165</v>
      </c>
      <c r="F71" s="8">
        <v>0</v>
      </c>
      <c r="G71" s="5" t="s">
        <v>16</v>
      </c>
      <c r="H71" s="6" t="s">
        <v>166</v>
      </c>
      <c r="I71" s="9">
        <v>4021005002694</v>
      </c>
      <c r="K71" s="11">
        <v>0</v>
      </c>
      <c r="L71" s="11">
        <v>0</v>
      </c>
    </row>
    <row r="72" spans="1:12" ht="21.75" customHeight="1" x14ac:dyDescent="0.2">
      <c r="A72" s="5">
        <v>71</v>
      </c>
      <c r="B72" s="16" t="s">
        <v>120</v>
      </c>
      <c r="C72" s="6" t="s">
        <v>163</v>
      </c>
      <c r="D72" s="7" t="s">
        <v>167</v>
      </c>
      <c r="E72" s="18" t="s">
        <v>168</v>
      </c>
      <c r="F72" s="8">
        <v>0</v>
      </c>
      <c r="G72" s="5" t="s">
        <v>16</v>
      </c>
      <c r="H72" s="6" t="s">
        <v>169</v>
      </c>
      <c r="I72" s="9">
        <v>1021005002689</v>
      </c>
      <c r="K72" s="11">
        <v>0</v>
      </c>
      <c r="L72" s="11">
        <v>0</v>
      </c>
    </row>
    <row r="73" spans="1:12" ht="21.75" customHeight="1" x14ac:dyDescent="0.2">
      <c r="A73" s="5">
        <v>72</v>
      </c>
      <c r="B73" s="16" t="s">
        <v>120</v>
      </c>
      <c r="C73" s="6" t="s">
        <v>163</v>
      </c>
      <c r="D73" s="7" t="s">
        <v>170</v>
      </c>
      <c r="E73" s="18" t="s">
        <v>171</v>
      </c>
      <c r="F73" s="8">
        <v>0</v>
      </c>
      <c r="G73" s="5" t="s">
        <v>16</v>
      </c>
      <c r="H73" s="6" t="s">
        <v>172</v>
      </c>
      <c r="I73" s="9">
        <v>5021005003031</v>
      </c>
      <c r="K73" s="11">
        <v>0</v>
      </c>
      <c r="L73" s="11">
        <v>0</v>
      </c>
    </row>
    <row r="74" spans="1:12" ht="21.75" customHeight="1" x14ac:dyDescent="0.2">
      <c r="A74" s="5">
        <v>73</v>
      </c>
      <c r="B74" s="16" t="s">
        <v>120</v>
      </c>
      <c r="C74" s="6" t="s">
        <v>163</v>
      </c>
      <c r="D74" s="7" t="s">
        <v>173</v>
      </c>
      <c r="E74" s="18" t="s">
        <v>174</v>
      </c>
      <c r="F74" s="8">
        <v>0</v>
      </c>
      <c r="G74" s="5" t="s">
        <v>16</v>
      </c>
      <c r="H74" s="6" t="s">
        <v>175</v>
      </c>
      <c r="I74" s="9">
        <v>3021005003058</v>
      </c>
      <c r="K74" s="11">
        <v>0</v>
      </c>
      <c r="L74" s="11">
        <v>0</v>
      </c>
    </row>
    <row r="75" spans="1:12" ht="21.75" customHeight="1" x14ac:dyDescent="0.2">
      <c r="A75" s="5">
        <v>74</v>
      </c>
      <c r="B75" s="16" t="s">
        <v>120</v>
      </c>
      <c r="C75" s="6" t="s">
        <v>163</v>
      </c>
      <c r="D75" s="7" t="s">
        <v>176</v>
      </c>
      <c r="E75" s="18" t="s">
        <v>177</v>
      </c>
      <c r="F75" s="8">
        <v>0</v>
      </c>
      <c r="G75" s="5" t="s">
        <v>16</v>
      </c>
      <c r="H75" s="6" t="s">
        <v>178</v>
      </c>
      <c r="I75" s="9">
        <v>9021005003052</v>
      </c>
      <c r="K75" s="11">
        <v>0</v>
      </c>
      <c r="L75" s="11">
        <v>0</v>
      </c>
    </row>
    <row r="76" spans="1:12" ht="21.75" customHeight="1" x14ac:dyDescent="0.2">
      <c r="A76" s="5">
        <v>75</v>
      </c>
      <c r="B76" s="16" t="s">
        <v>120</v>
      </c>
      <c r="C76" s="6" t="s">
        <v>163</v>
      </c>
      <c r="D76" s="7" t="s">
        <v>160</v>
      </c>
      <c r="E76" s="18" t="s">
        <v>179</v>
      </c>
      <c r="F76" s="8">
        <v>0</v>
      </c>
      <c r="G76" s="5" t="s">
        <v>16</v>
      </c>
      <c r="H76" s="6" t="s">
        <v>180</v>
      </c>
      <c r="I76" s="9">
        <v>8021005002781</v>
      </c>
      <c r="K76" s="11">
        <v>0</v>
      </c>
      <c r="L76" s="11">
        <v>0</v>
      </c>
    </row>
    <row r="77" spans="1:12" ht="21.75" customHeight="1" x14ac:dyDescent="0.2">
      <c r="A77" s="5">
        <v>76</v>
      </c>
      <c r="B77" s="16" t="s">
        <v>120</v>
      </c>
      <c r="C77" s="6" t="s">
        <v>181</v>
      </c>
      <c r="D77" s="7" t="s">
        <v>182</v>
      </c>
      <c r="E77" s="18" t="s">
        <v>183</v>
      </c>
      <c r="F77" s="8">
        <v>0</v>
      </c>
      <c r="G77" s="5" t="s">
        <v>16</v>
      </c>
      <c r="H77" s="6" t="s">
        <v>184</v>
      </c>
      <c r="I77" s="9">
        <v>5021005003106</v>
      </c>
      <c r="K77" s="11">
        <v>0</v>
      </c>
      <c r="L77" s="11">
        <v>0</v>
      </c>
    </row>
    <row r="78" spans="1:12" ht="21.75" customHeight="1" x14ac:dyDescent="0.2">
      <c r="A78" s="5">
        <v>77</v>
      </c>
      <c r="B78" s="16" t="s">
        <v>120</v>
      </c>
      <c r="C78" s="6" t="s">
        <v>185</v>
      </c>
      <c r="D78" s="7" t="s">
        <v>186</v>
      </c>
      <c r="E78" s="18" t="s">
        <v>187</v>
      </c>
      <c r="F78" s="8">
        <v>0</v>
      </c>
      <c r="G78" s="5" t="s">
        <v>16</v>
      </c>
      <c r="H78" s="6" t="s">
        <v>188</v>
      </c>
      <c r="I78" s="9">
        <v>5021005003007</v>
      </c>
      <c r="K78" s="11">
        <v>0</v>
      </c>
      <c r="L78" s="11">
        <v>0</v>
      </c>
    </row>
    <row r="79" spans="1:12" ht="21.75" customHeight="1" x14ac:dyDescent="0.2">
      <c r="A79" s="5">
        <v>78</v>
      </c>
      <c r="B79" s="16" t="s">
        <v>120</v>
      </c>
      <c r="C79" s="6" t="s">
        <v>185</v>
      </c>
      <c r="D79" s="7" t="s">
        <v>189</v>
      </c>
      <c r="E79" s="18" t="s">
        <v>190</v>
      </c>
      <c r="F79" s="8">
        <v>0</v>
      </c>
      <c r="G79" s="5" t="s">
        <v>16</v>
      </c>
      <c r="H79" s="6" t="s">
        <v>191</v>
      </c>
      <c r="I79" s="9">
        <v>3021005003099</v>
      </c>
      <c r="K79" s="11">
        <v>0</v>
      </c>
      <c r="L79" s="11">
        <v>0</v>
      </c>
    </row>
    <row r="80" spans="1:12" ht="21.75" customHeight="1" x14ac:dyDescent="0.2">
      <c r="A80" s="5">
        <v>79</v>
      </c>
      <c r="B80" s="16" t="s">
        <v>120</v>
      </c>
      <c r="C80" s="6" t="s">
        <v>185</v>
      </c>
      <c r="D80" s="7" t="s">
        <v>192</v>
      </c>
      <c r="E80" s="18" t="s">
        <v>193</v>
      </c>
      <c r="F80" s="8">
        <v>0</v>
      </c>
      <c r="G80" s="5" t="s">
        <v>16</v>
      </c>
      <c r="H80" s="6" t="s">
        <v>194</v>
      </c>
      <c r="I80" s="9">
        <v>3021005003009</v>
      </c>
      <c r="K80" s="11">
        <v>0</v>
      </c>
      <c r="L80" s="11">
        <v>0</v>
      </c>
    </row>
    <row r="81" spans="1:12" ht="21.75" customHeight="1" x14ac:dyDescent="0.2">
      <c r="A81" s="5">
        <v>80</v>
      </c>
      <c r="B81" s="16" t="s">
        <v>120</v>
      </c>
      <c r="C81" s="6" t="s">
        <v>185</v>
      </c>
      <c r="D81" s="7" t="s">
        <v>195</v>
      </c>
      <c r="E81" s="18" t="s">
        <v>196</v>
      </c>
      <c r="F81" s="8">
        <v>0</v>
      </c>
      <c r="G81" s="5" t="s">
        <v>16</v>
      </c>
      <c r="H81" s="6" t="s">
        <v>197</v>
      </c>
      <c r="I81" s="9">
        <v>1021005003092</v>
      </c>
      <c r="K81" s="11">
        <v>0</v>
      </c>
      <c r="L81" s="11">
        <v>0</v>
      </c>
    </row>
    <row r="82" spans="1:12" ht="21.75" customHeight="1" x14ac:dyDescent="0.2">
      <c r="A82" s="5">
        <v>81</v>
      </c>
      <c r="B82" s="16" t="s">
        <v>120</v>
      </c>
      <c r="C82" s="6" t="s">
        <v>185</v>
      </c>
      <c r="D82" s="7" t="s">
        <v>198</v>
      </c>
      <c r="E82" s="18" t="s">
        <v>199</v>
      </c>
      <c r="F82" s="8">
        <v>0</v>
      </c>
      <c r="G82" s="5" t="s">
        <v>16</v>
      </c>
      <c r="H82" s="6" t="s">
        <v>200</v>
      </c>
      <c r="I82" s="9">
        <v>9021005002698</v>
      </c>
      <c r="K82" s="11">
        <v>0</v>
      </c>
      <c r="L82" s="11">
        <v>0</v>
      </c>
    </row>
    <row r="83" spans="1:12" ht="21.75" customHeight="1" x14ac:dyDescent="0.2">
      <c r="A83" s="5">
        <v>82</v>
      </c>
      <c r="B83" s="16" t="s">
        <v>120</v>
      </c>
      <c r="C83" s="6" t="s">
        <v>185</v>
      </c>
      <c r="D83" s="7" t="s">
        <v>201</v>
      </c>
      <c r="E83" s="18" t="s">
        <v>202</v>
      </c>
      <c r="F83" s="8">
        <v>0</v>
      </c>
      <c r="G83" s="5" t="s">
        <v>16</v>
      </c>
      <c r="H83" s="6" t="s">
        <v>203</v>
      </c>
      <c r="I83" s="9">
        <v>6021005003014</v>
      </c>
      <c r="K83" s="11">
        <v>0</v>
      </c>
      <c r="L83" s="11">
        <v>0</v>
      </c>
    </row>
    <row r="84" spans="1:12" ht="21.75" customHeight="1" x14ac:dyDescent="0.2">
      <c r="A84" s="5">
        <v>83</v>
      </c>
      <c r="B84" s="16" t="s">
        <v>120</v>
      </c>
      <c r="C84" s="6" t="s">
        <v>185</v>
      </c>
      <c r="D84" s="7" t="s">
        <v>204</v>
      </c>
      <c r="E84" s="18" t="s">
        <v>196</v>
      </c>
      <c r="F84" s="8">
        <v>0</v>
      </c>
      <c r="G84" s="5" t="s">
        <v>16</v>
      </c>
      <c r="H84" s="6" t="s">
        <v>205</v>
      </c>
      <c r="I84" s="9">
        <v>6021005003063</v>
      </c>
      <c r="K84" s="11">
        <v>0</v>
      </c>
      <c r="L84" s="11">
        <v>0</v>
      </c>
    </row>
    <row r="85" spans="1:12" ht="21.75" customHeight="1" x14ac:dyDescent="0.2">
      <c r="A85" s="5">
        <v>84</v>
      </c>
      <c r="B85" s="16" t="s">
        <v>120</v>
      </c>
      <c r="C85" s="6" t="s">
        <v>185</v>
      </c>
      <c r="D85" s="7" t="s">
        <v>206</v>
      </c>
      <c r="E85" s="18" t="s">
        <v>207</v>
      </c>
      <c r="F85" s="8">
        <v>0</v>
      </c>
      <c r="G85" s="5" t="s">
        <v>16</v>
      </c>
      <c r="H85" s="6" t="s">
        <v>208</v>
      </c>
      <c r="I85" s="9">
        <v>9021005003077</v>
      </c>
      <c r="K85" s="11">
        <v>0</v>
      </c>
      <c r="L85" s="11">
        <v>0</v>
      </c>
    </row>
    <row r="86" spans="1:12" ht="21.75" customHeight="1" x14ac:dyDescent="0.2">
      <c r="A86" s="5">
        <v>85</v>
      </c>
      <c r="B86" s="16" t="s">
        <v>120</v>
      </c>
      <c r="C86" s="6" t="s">
        <v>185</v>
      </c>
      <c r="D86" s="7" t="s">
        <v>209</v>
      </c>
      <c r="E86" s="18" t="s">
        <v>190</v>
      </c>
      <c r="F86" s="8">
        <v>0</v>
      </c>
      <c r="G86" s="5" t="s">
        <v>16</v>
      </c>
      <c r="H86" s="6" t="s">
        <v>210</v>
      </c>
      <c r="I86" s="9">
        <v>3021005003108</v>
      </c>
      <c r="K86" s="11">
        <v>0</v>
      </c>
      <c r="L86" s="11">
        <v>0</v>
      </c>
    </row>
    <row r="87" spans="1:12" ht="21.75" customHeight="1" x14ac:dyDescent="0.2">
      <c r="A87" s="5">
        <v>86</v>
      </c>
      <c r="B87" s="16" t="s">
        <v>120</v>
      </c>
      <c r="C87" s="6" t="s">
        <v>185</v>
      </c>
      <c r="D87" s="7" t="s">
        <v>211</v>
      </c>
      <c r="E87" s="18" t="s">
        <v>212</v>
      </c>
      <c r="F87" s="8">
        <v>0</v>
      </c>
      <c r="G87" s="5" t="s">
        <v>16</v>
      </c>
      <c r="H87" s="6" t="s">
        <v>213</v>
      </c>
      <c r="I87" s="9">
        <v>3021005003017</v>
      </c>
      <c r="K87" s="11">
        <v>0</v>
      </c>
      <c r="L87" s="11">
        <v>0</v>
      </c>
    </row>
    <row r="88" spans="1:12" ht="21.75" customHeight="1" x14ac:dyDescent="0.2">
      <c r="A88" s="5">
        <v>87</v>
      </c>
      <c r="B88" s="16" t="s">
        <v>120</v>
      </c>
      <c r="C88" s="6" t="s">
        <v>185</v>
      </c>
      <c r="D88" s="7" t="s">
        <v>214</v>
      </c>
      <c r="E88" s="18" t="s">
        <v>215</v>
      </c>
      <c r="F88" s="8">
        <v>0</v>
      </c>
      <c r="G88" s="5" t="s">
        <v>16</v>
      </c>
      <c r="H88" s="6" t="s">
        <v>216</v>
      </c>
      <c r="I88" s="9">
        <v>4021005003131</v>
      </c>
      <c r="K88" s="11">
        <v>0</v>
      </c>
      <c r="L88" s="11">
        <v>0</v>
      </c>
    </row>
    <row r="89" spans="1:12" ht="21.75" customHeight="1" x14ac:dyDescent="0.2">
      <c r="A89" s="5">
        <v>88</v>
      </c>
      <c r="B89" s="16" t="s">
        <v>120</v>
      </c>
      <c r="C89" s="6" t="s">
        <v>185</v>
      </c>
      <c r="D89" s="7" t="s">
        <v>217</v>
      </c>
      <c r="E89" s="18" t="s">
        <v>218</v>
      </c>
      <c r="F89" s="8">
        <v>0</v>
      </c>
      <c r="G89" s="5" t="s">
        <v>16</v>
      </c>
      <c r="H89" s="6" t="s">
        <v>219</v>
      </c>
      <c r="I89" s="9">
        <v>1021005003019</v>
      </c>
      <c r="K89" s="11">
        <v>0</v>
      </c>
      <c r="L89" s="11">
        <v>0</v>
      </c>
    </row>
    <row r="90" spans="1:12" ht="21.75" customHeight="1" x14ac:dyDescent="0.2">
      <c r="A90" s="5">
        <v>89</v>
      </c>
      <c r="B90" s="16" t="s">
        <v>120</v>
      </c>
      <c r="C90" s="6" t="s">
        <v>185</v>
      </c>
      <c r="D90" s="7" t="s">
        <v>220</v>
      </c>
      <c r="E90" s="18" t="s">
        <v>221</v>
      </c>
      <c r="F90" s="8">
        <v>0</v>
      </c>
      <c r="G90" s="5" t="s">
        <v>16</v>
      </c>
      <c r="H90" s="6" t="s">
        <v>222</v>
      </c>
      <c r="I90" s="9">
        <v>8021005002716</v>
      </c>
      <c r="K90" s="11">
        <v>0</v>
      </c>
      <c r="L90" s="11">
        <v>0</v>
      </c>
    </row>
    <row r="91" spans="1:12" ht="21.75" customHeight="1" x14ac:dyDescent="0.2">
      <c r="A91" s="5">
        <v>90</v>
      </c>
      <c r="B91" s="16" t="s">
        <v>120</v>
      </c>
      <c r="C91" s="6" t="s">
        <v>185</v>
      </c>
      <c r="D91" s="7" t="s">
        <v>223</v>
      </c>
      <c r="E91" s="18" t="s">
        <v>224</v>
      </c>
      <c r="F91" s="8">
        <v>0</v>
      </c>
      <c r="G91" s="5" t="s">
        <v>16</v>
      </c>
      <c r="H91" s="6" t="s">
        <v>225</v>
      </c>
      <c r="I91" s="9">
        <v>5021005003080</v>
      </c>
      <c r="K91" s="11">
        <v>0</v>
      </c>
      <c r="L91" s="11">
        <v>0</v>
      </c>
    </row>
    <row r="92" spans="1:12" ht="21.75" customHeight="1" x14ac:dyDescent="0.2">
      <c r="A92" s="5">
        <v>91</v>
      </c>
      <c r="B92" s="16" t="s">
        <v>120</v>
      </c>
      <c r="C92" s="6" t="s">
        <v>185</v>
      </c>
      <c r="D92" s="7" t="s">
        <v>226</v>
      </c>
      <c r="E92" s="18" t="s">
        <v>227</v>
      </c>
      <c r="F92" s="8">
        <v>0</v>
      </c>
      <c r="G92" s="5" t="s">
        <v>16</v>
      </c>
      <c r="H92" s="6" t="s">
        <v>228</v>
      </c>
      <c r="I92" s="9">
        <v>4021005003032</v>
      </c>
      <c r="K92" s="11">
        <v>0</v>
      </c>
      <c r="L92" s="11">
        <v>0</v>
      </c>
    </row>
    <row r="93" spans="1:12" ht="21.75" customHeight="1" x14ac:dyDescent="0.2">
      <c r="A93" s="5">
        <v>92</v>
      </c>
      <c r="B93" s="16" t="s">
        <v>120</v>
      </c>
      <c r="C93" s="6" t="s">
        <v>185</v>
      </c>
      <c r="D93" s="7" t="s">
        <v>229</v>
      </c>
      <c r="E93" s="18" t="s">
        <v>230</v>
      </c>
      <c r="F93" s="8">
        <v>0</v>
      </c>
      <c r="G93" s="5" t="s">
        <v>16</v>
      </c>
      <c r="H93" s="6" t="s">
        <v>231</v>
      </c>
      <c r="I93" s="9">
        <v>3021005003033</v>
      </c>
      <c r="K93" s="11">
        <v>0</v>
      </c>
      <c r="L93" s="11">
        <v>0</v>
      </c>
    </row>
    <row r="94" spans="1:12" ht="21.75" customHeight="1" x14ac:dyDescent="0.2">
      <c r="A94" s="5">
        <v>93</v>
      </c>
      <c r="B94" s="16" t="s">
        <v>120</v>
      </c>
      <c r="C94" s="6" t="s">
        <v>185</v>
      </c>
      <c r="D94" s="7" t="s">
        <v>232</v>
      </c>
      <c r="E94" s="18" t="s">
        <v>233</v>
      </c>
      <c r="F94" s="8">
        <v>0</v>
      </c>
      <c r="G94" s="5" t="s">
        <v>16</v>
      </c>
      <c r="H94" s="6" t="s">
        <v>234</v>
      </c>
      <c r="I94" s="9">
        <v>2021005003034</v>
      </c>
      <c r="K94" s="11">
        <v>0</v>
      </c>
      <c r="L94" s="11">
        <v>0</v>
      </c>
    </row>
    <row r="95" spans="1:12" ht="21.75" customHeight="1" x14ac:dyDescent="0.2">
      <c r="A95" s="5">
        <v>94</v>
      </c>
      <c r="B95" s="16" t="s">
        <v>120</v>
      </c>
      <c r="C95" s="6" t="s">
        <v>185</v>
      </c>
      <c r="D95" s="7" t="s">
        <v>235</v>
      </c>
      <c r="E95" s="18" t="s">
        <v>236</v>
      </c>
      <c r="F95" s="8">
        <v>0</v>
      </c>
      <c r="G95" s="5" t="s">
        <v>16</v>
      </c>
      <c r="H95" s="6" t="s">
        <v>237</v>
      </c>
      <c r="I95" s="9">
        <v>2021005003083</v>
      </c>
      <c r="K95" s="11">
        <v>0</v>
      </c>
      <c r="L95" s="11">
        <v>0</v>
      </c>
    </row>
    <row r="96" spans="1:12" ht="21.75" customHeight="1" x14ac:dyDescent="0.2">
      <c r="A96" s="5">
        <v>95</v>
      </c>
      <c r="B96" s="16" t="s">
        <v>120</v>
      </c>
      <c r="C96" s="6" t="s">
        <v>185</v>
      </c>
      <c r="D96" s="7" t="s">
        <v>238</v>
      </c>
      <c r="E96" s="18" t="s">
        <v>224</v>
      </c>
      <c r="F96" s="8">
        <v>0</v>
      </c>
      <c r="G96" s="5" t="s">
        <v>16</v>
      </c>
      <c r="H96" s="6" t="s">
        <v>239</v>
      </c>
      <c r="I96" s="9">
        <v>3021005003041</v>
      </c>
      <c r="K96" s="11">
        <v>0</v>
      </c>
      <c r="L96" s="11">
        <v>0</v>
      </c>
    </row>
    <row r="97" spans="1:12" ht="21.75" customHeight="1" x14ac:dyDescent="0.2">
      <c r="A97" s="5">
        <v>96</v>
      </c>
      <c r="B97" s="16" t="s">
        <v>120</v>
      </c>
      <c r="C97" s="6" t="s">
        <v>185</v>
      </c>
      <c r="D97" s="7" t="s">
        <v>240</v>
      </c>
      <c r="E97" s="18" t="s">
        <v>241</v>
      </c>
      <c r="F97" s="8">
        <v>0</v>
      </c>
      <c r="G97" s="5" t="s">
        <v>16</v>
      </c>
      <c r="H97" s="6" t="s">
        <v>242</v>
      </c>
      <c r="I97" s="9">
        <v>9021005003119</v>
      </c>
      <c r="K97" s="11">
        <v>0</v>
      </c>
      <c r="L97" s="11">
        <v>0</v>
      </c>
    </row>
    <row r="98" spans="1:12" ht="21.75" customHeight="1" x14ac:dyDescent="0.2">
      <c r="A98" s="5">
        <v>97</v>
      </c>
      <c r="B98" s="16" t="s">
        <v>120</v>
      </c>
      <c r="C98" s="6" t="s">
        <v>185</v>
      </c>
      <c r="D98" s="7" t="s">
        <v>243</v>
      </c>
      <c r="E98" s="18" t="s">
        <v>230</v>
      </c>
      <c r="F98" s="8">
        <v>0</v>
      </c>
      <c r="G98" s="5" t="s">
        <v>16</v>
      </c>
      <c r="H98" s="6" t="s">
        <v>244</v>
      </c>
      <c r="I98" s="9">
        <v>6021005003055</v>
      </c>
      <c r="K98" s="11">
        <v>0</v>
      </c>
      <c r="L98" s="11">
        <v>0</v>
      </c>
    </row>
    <row r="99" spans="1:12" ht="21.75" customHeight="1" x14ac:dyDescent="0.2">
      <c r="A99" s="5">
        <v>98</v>
      </c>
      <c r="B99" s="16" t="s">
        <v>120</v>
      </c>
      <c r="C99" s="6" t="s">
        <v>185</v>
      </c>
      <c r="D99" s="7" t="s">
        <v>245</v>
      </c>
      <c r="E99" s="18" t="s">
        <v>193</v>
      </c>
      <c r="F99" s="8">
        <v>0</v>
      </c>
      <c r="G99" s="5" t="s">
        <v>16</v>
      </c>
      <c r="H99" s="6" t="s">
        <v>246</v>
      </c>
      <c r="I99" s="9">
        <v>4021005003057</v>
      </c>
      <c r="K99" s="11">
        <v>0</v>
      </c>
      <c r="L99" s="11">
        <v>0</v>
      </c>
    </row>
    <row r="100" spans="1:12" ht="21.75" customHeight="1" x14ac:dyDescent="0.2">
      <c r="A100" s="5">
        <v>99</v>
      </c>
      <c r="B100" s="16" t="s">
        <v>120</v>
      </c>
      <c r="C100" s="6" t="s">
        <v>185</v>
      </c>
      <c r="D100" s="7" t="s">
        <v>247</v>
      </c>
      <c r="E100" s="18" t="s">
        <v>248</v>
      </c>
      <c r="F100" s="8">
        <v>0</v>
      </c>
      <c r="G100" s="5" t="s">
        <v>16</v>
      </c>
      <c r="H100" s="6" t="s">
        <v>249</v>
      </c>
      <c r="I100" s="9">
        <v>3021005003090</v>
      </c>
      <c r="K100" s="11">
        <v>0</v>
      </c>
      <c r="L100" s="11">
        <v>0</v>
      </c>
    </row>
    <row r="101" spans="1:12" ht="21.75" customHeight="1" x14ac:dyDescent="0.2">
      <c r="A101" s="5">
        <v>100</v>
      </c>
      <c r="B101" s="16" t="s">
        <v>120</v>
      </c>
      <c r="C101" s="6" t="s">
        <v>185</v>
      </c>
      <c r="D101" s="7" t="s">
        <v>250</v>
      </c>
      <c r="E101" s="18" t="s">
        <v>251</v>
      </c>
      <c r="F101" s="8">
        <v>0</v>
      </c>
      <c r="G101" s="5" t="s">
        <v>16</v>
      </c>
      <c r="H101" s="6" t="s">
        <v>252</v>
      </c>
      <c r="I101" s="9">
        <v>2021005003067</v>
      </c>
      <c r="K101" s="11">
        <v>0</v>
      </c>
      <c r="L101" s="11">
        <v>0</v>
      </c>
    </row>
    <row r="102" spans="1:12" ht="21.75" customHeight="1" x14ac:dyDescent="0.2">
      <c r="A102" s="5">
        <v>101</v>
      </c>
      <c r="B102" s="16" t="s">
        <v>120</v>
      </c>
      <c r="C102" s="6" t="s">
        <v>185</v>
      </c>
      <c r="D102" s="7" t="s">
        <v>253</v>
      </c>
      <c r="E102" s="18" t="s">
        <v>193</v>
      </c>
      <c r="F102" s="8">
        <v>0</v>
      </c>
      <c r="G102" s="5" t="s">
        <v>16</v>
      </c>
      <c r="H102" s="6" t="s">
        <v>254</v>
      </c>
      <c r="I102" s="9">
        <v>1021005003068</v>
      </c>
      <c r="K102" s="11">
        <v>0</v>
      </c>
      <c r="L102" s="11">
        <v>0</v>
      </c>
    </row>
    <row r="103" spans="1:12" ht="21.75" customHeight="1" x14ac:dyDescent="0.2">
      <c r="A103" s="5">
        <v>102</v>
      </c>
      <c r="B103" s="16" t="s">
        <v>120</v>
      </c>
      <c r="C103" s="6" t="s">
        <v>185</v>
      </c>
      <c r="D103" s="7" t="s">
        <v>255</v>
      </c>
      <c r="E103" s="18" t="s">
        <v>256</v>
      </c>
      <c r="F103" s="8">
        <v>0</v>
      </c>
      <c r="G103" s="5" t="s">
        <v>16</v>
      </c>
      <c r="H103" s="6" t="s">
        <v>257</v>
      </c>
      <c r="I103" s="9">
        <v>7021005003070</v>
      </c>
      <c r="K103" s="11">
        <v>0</v>
      </c>
      <c r="L103" s="11">
        <v>0</v>
      </c>
    </row>
    <row r="104" spans="1:12" ht="21.75" customHeight="1" x14ac:dyDescent="0.2">
      <c r="A104" s="5">
        <v>103</v>
      </c>
      <c r="B104" s="16" t="s">
        <v>120</v>
      </c>
      <c r="C104" s="6" t="s">
        <v>258</v>
      </c>
      <c r="D104" s="7" t="s">
        <v>195</v>
      </c>
      <c r="E104" s="18" t="s">
        <v>259</v>
      </c>
      <c r="F104" s="8">
        <v>0</v>
      </c>
      <c r="G104" s="5" t="s">
        <v>16</v>
      </c>
      <c r="H104" s="6" t="s">
        <v>260</v>
      </c>
      <c r="I104" s="9">
        <v>6021005003105</v>
      </c>
      <c r="K104" s="11">
        <v>0</v>
      </c>
      <c r="L104" s="11">
        <v>0</v>
      </c>
    </row>
    <row r="105" spans="1:12" ht="21.75" customHeight="1" x14ac:dyDescent="0.2">
      <c r="A105" s="5">
        <v>104</v>
      </c>
      <c r="B105" s="16" t="s">
        <v>120</v>
      </c>
      <c r="C105" s="6" t="s">
        <v>258</v>
      </c>
      <c r="D105" s="7" t="s">
        <v>261</v>
      </c>
      <c r="E105" s="18" t="s">
        <v>262</v>
      </c>
      <c r="F105" s="8">
        <v>0</v>
      </c>
      <c r="G105" s="5" t="s">
        <v>16</v>
      </c>
      <c r="H105" s="6" t="s">
        <v>263</v>
      </c>
      <c r="I105" s="9">
        <v>7021005003013</v>
      </c>
      <c r="K105" s="11">
        <v>0</v>
      </c>
      <c r="L105" s="11">
        <v>0</v>
      </c>
    </row>
    <row r="106" spans="1:12" ht="21.75" customHeight="1" x14ac:dyDescent="0.2">
      <c r="A106" s="5">
        <v>105</v>
      </c>
      <c r="B106" s="16" t="s">
        <v>120</v>
      </c>
      <c r="C106" s="6" t="s">
        <v>258</v>
      </c>
      <c r="D106" s="7" t="s">
        <v>264</v>
      </c>
      <c r="E106" s="18" t="s">
        <v>265</v>
      </c>
      <c r="F106" s="8">
        <v>0</v>
      </c>
      <c r="G106" s="5" t="s">
        <v>16</v>
      </c>
      <c r="H106" s="6" t="s">
        <v>266</v>
      </c>
      <c r="I106" s="9">
        <v>1021005002706</v>
      </c>
      <c r="K106" s="11">
        <v>0</v>
      </c>
      <c r="L106" s="11">
        <v>0</v>
      </c>
    </row>
    <row r="107" spans="1:12" ht="21.75" customHeight="1" x14ac:dyDescent="0.2">
      <c r="A107" s="5">
        <v>106</v>
      </c>
      <c r="B107" s="16" t="s">
        <v>120</v>
      </c>
      <c r="C107" s="6" t="s">
        <v>258</v>
      </c>
      <c r="D107" s="7" t="s">
        <v>267</v>
      </c>
      <c r="E107" s="18" t="s">
        <v>268</v>
      </c>
      <c r="F107" s="8">
        <v>0</v>
      </c>
      <c r="G107" s="5" t="s">
        <v>16</v>
      </c>
      <c r="H107" s="6" t="s">
        <v>269</v>
      </c>
      <c r="I107" s="9">
        <v>4021005002711</v>
      </c>
      <c r="K107" s="11">
        <v>0</v>
      </c>
      <c r="L107" s="11">
        <v>0</v>
      </c>
    </row>
    <row r="108" spans="1:12" ht="21.75" customHeight="1" x14ac:dyDescent="0.2">
      <c r="A108" s="5">
        <v>107</v>
      </c>
      <c r="B108" s="16" t="s">
        <v>120</v>
      </c>
      <c r="C108" s="6" t="s">
        <v>258</v>
      </c>
      <c r="D108" s="7" t="s">
        <v>270</v>
      </c>
      <c r="E108" s="18" t="s">
        <v>271</v>
      </c>
      <c r="F108" s="8">
        <v>0</v>
      </c>
      <c r="G108" s="5" t="s">
        <v>16</v>
      </c>
      <c r="H108" s="6" t="s">
        <v>272</v>
      </c>
      <c r="I108" s="9">
        <v>7021005003005</v>
      </c>
      <c r="K108" s="11">
        <v>0</v>
      </c>
      <c r="L108" s="11">
        <v>0</v>
      </c>
    </row>
    <row r="109" spans="1:12" ht="21.75" customHeight="1" x14ac:dyDescent="0.2">
      <c r="A109" s="5">
        <v>108</v>
      </c>
      <c r="B109" s="16" t="s">
        <v>120</v>
      </c>
      <c r="C109" s="6" t="s">
        <v>258</v>
      </c>
      <c r="D109" s="7" t="s">
        <v>273</v>
      </c>
      <c r="E109" s="18" t="s">
        <v>271</v>
      </c>
      <c r="F109" s="8">
        <v>0</v>
      </c>
      <c r="G109" s="5" t="s">
        <v>16</v>
      </c>
      <c r="H109" s="6" t="s">
        <v>274</v>
      </c>
      <c r="I109" s="9">
        <v>9021005003028</v>
      </c>
      <c r="K109" s="11">
        <v>0</v>
      </c>
      <c r="L109" s="11">
        <v>0</v>
      </c>
    </row>
    <row r="110" spans="1:12" ht="21.75" customHeight="1" x14ac:dyDescent="0.2">
      <c r="A110" s="5">
        <v>109</v>
      </c>
      <c r="B110" s="16" t="s">
        <v>120</v>
      </c>
      <c r="C110" s="6" t="s">
        <v>258</v>
      </c>
      <c r="D110" s="7" t="s">
        <v>275</v>
      </c>
      <c r="E110" s="18" t="s">
        <v>276</v>
      </c>
      <c r="F110" s="8">
        <v>0</v>
      </c>
      <c r="G110" s="5" t="s">
        <v>16</v>
      </c>
      <c r="H110" s="6" t="s">
        <v>277</v>
      </c>
      <c r="I110" s="9">
        <v>7021005003112</v>
      </c>
      <c r="K110" s="11">
        <v>0</v>
      </c>
      <c r="L110" s="11">
        <v>0</v>
      </c>
    </row>
    <row r="111" spans="1:12" ht="21.75" customHeight="1" x14ac:dyDescent="0.2">
      <c r="A111" s="5">
        <v>110</v>
      </c>
      <c r="B111" s="16" t="s">
        <v>120</v>
      </c>
      <c r="C111" s="6" t="s">
        <v>258</v>
      </c>
      <c r="D111" s="7" t="s">
        <v>278</v>
      </c>
      <c r="E111" s="18" t="s">
        <v>279</v>
      </c>
      <c r="F111" s="8">
        <v>0</v>
      </c>
      <c r="G111" s="5" t="s">
        <v>16</v>
      </c>
      <c r="H111" s="6" t="s">
        <v>280</v>
      </c>
      <c r="I111" s="9">
        <v>3021005002720</v>
      </c>
      <c r="K111" s="11">
        <v>0</v>
      </c>
      <c r="L111" s="11">
        <v>0</v>
      </c>
    </row>
    <row r="112" spans="1:12" ht="21.75" customHeight="1" x14ac:dyDescent="0.2">
      <c r="A112" s="5">
        <v>111</v>
      </c>
      <c r="B112" s="16" t="s">
        <v>120</v>
      </c>
      <c r="C112" s="6" t="s">
        <v>258</v>
      </c>
      <c r="D112" s="7" t="s">
        <v>281</v>
      </c>
      <c r="E112" s="18" t="s">
        <v>282</v>
      </c>
      <c r="F112" s="8">
        <v>0</v>
      </c>
      <c r="G112" s="5" t="s">
        <v>16</v>
      </c>
      <c r="H112" s="6" t="s">
        <v>283</v>
      </c>
      <c r="I112" s="9">
        <v>8021005002757</v>
      </c>
      <c r="K112" s="11">
        <v>0</v>
      </c>
      <c r="L112" s="11">
        <v>0</v>
      </c>
    </row>
    <row r="113" spans="1:12" ht="21.75" customHeight="1" x14ac:dyDescent="0.2">
      <c r="A113" s="5">
        <v>112</v>
      </c>
      <c r="B113" s="16" t="s">
        <v>120</v>
      </c>
      <c r="C113" s="6" t="s">
        <v>258</v>
      </c>
      <c r="D113" s="7" t="s">
        <v>284</v>
      </c>
      <c r="E113" s="18" t="s">
        <v>285</v>
      </c>
      <c r="F113" s="8">
        <v>0</v>
      </c>
      <c r="G113" s="5" t="s">
        <v>16</v>
      </c>
      <c r="H113" s="6" t="s">
        <v>286</v>
      </c>
      <c r="I113" s="9">
        <v>9021005003069</v>
      </c>
      <c r="K113" s="11">
        <v>0</v>
      </c>
      <c r="L113" s="11">
        <v>0</v>
      </c>
    </row>
    <row r="114" spans="1:12" ht="21.75" customHeight="1" x14ac:dyDescent="0.2">
      <c r="A114" s="5">
        <v>113</v>
      </c>
      <c r="B114" s="16" t="s">
        <v>120</v>
      </c>
      <c r="C114" s="6" t="s">
        <v>287</v>
      </c>
      <c r="D114" s="7" t="s">
        <v>288</v>
      </c>
      <c r="E114" s="18" t="s">
        <v>289</v>
      </c>
      <c r="F114" s="8">
        <v>0</v>
      </c>
      <c r="G114" s="5" t="s">
        <v>16</v>
      </c>
      <c r="H114" s="6" t="s">
        <v>290</v>
      </c>
      <c r="I114" s="9">
        <v>4021005003016</v>
      </c>
      <c r="K114" s="11">
        <v>0</v>
      </c>
      <c r="L114" s="11">
        <v>0</v>
      </c>
    </row>
    <row r="115" spans="1:12" ht="21.75" customHeight="1" x14ac:dyDescent="0.2">
      <c r="A115" s="5">
        <v>114</v>
      </c>
      <c r="B115" s="16" t="s">
        <v>120</v>
      </c>
      <c r="C115" s="6" t="s">
        <v>287</v>
      </c>
      <c r="D115" s="7" t="s">
        <v>291</v>
      </c>
      <c r="E115" s="18" t="s">
        <v>292</v>
      </c>
      <c r="F115" s="8">
        <v>0</v>
      </c>
      <c r="G115" s="5" t="s">
        <v>16</v>
      </c>
      <c r="H115" s="6" t="s">
        <v>293</v>
      </c>
      <c r="I115" s="9">
        <v>5021005002768</v>
      </c>
      <c r="K115" s="11">
        <v>0</v>
      </c>
      <c r="L115" s="11">
        <v>0</v>
      </c>
    </row>
    <row r="116" spans="1:12" ht="21.75" customHeight="1" x14ac:dyDescent="0.2">
      <c r="A116" s="5">
        <v>115</v>
      </c>
      <c r="B116" s="16" t="s">
        <v>120</v>
      </c>
      <c r="C116" s="6" t="s">
        <v>294</v>
      </c>
      <c r="D116" s="7" t="s">
        <v>295</v>
      </c>
      <c r="E116" s="18" t="s">
        <v>296</v>
      </c>
      <c r="F116" s="8">
        <v>0</v>
      </c>
      <c r="G116" s="5" t="s">
        <v>16</v>
      </c>
      <c r="H116" s="6" t="s">
        <v>297</v>
      </c>
      <c r="I116" s="9">
        <v>7021005002709</v>
      </c>
      <c r="K116" s="11">
        <v>0</v>
      </c>
      <c r="L116" s="11">
        <v>0</v>
      </c>
    </row>
    <row r="117" spans="1:12" ht="21.75" customHeight="1" x14ac:dyDescent="0.2">
      <c r="A117" s="5">
        <v>116</v>
      </c>
      <c r="B117" s="16" t="s">
        <v>120</v>
      </c>
      <c r="C117" s="6" t="s">
        <v>298</v>
      </c>
      <c r="D117" s="7" t="s">
        <v>299</v>
      </c>
      <c r="E117" s="18" t="s">
        <v>300</v>
      </c>
      <c r="F117" s="8">
        <v>0</v>
      </c>
      <c r="G117" s="5" t="s">
        <v>16</v>
      </c>
      <c r="H117" s="6" t="s">
        <v>301</v>
      </c>
      <c r="I117" s="9">
        <v>2021005003075</v>
      </c>
      <c r="K117" s="11">
        <v>0</v>
      </c>
      <c r="L117" s="11">
        <v>0</v>
      </c>
    </row>
    <row r="118" spans="1:12" ht="21.75" customHeight="1" x14ac:dyDescent="0.2">
      <c r="A118" s="5">
        <v>117</v>
      </c>
      <c r="B118" s="16" t="s">
        <v>120</v>
      </c>
      <c r="C118" s="6" t="s">
        <v>298</v>
      </c>
      <c r="D118" s="7" t="s">
        <v>302</v>
      </c>
      <c r="E118" s="18" t="s">
        <v>303</v>
      </c>
      <c r="F118" s="8">
        <v>0</v>
      </c>
      <c r="G118" s="5" t="s">
        <v>16</v>
      </c>
      <c r="H118" s="6" t="s">
        <v>304</v>
      </c>
      <c r="I118" s="9">
        <v>7021005003021</v>
      </c>
      <c r="K118" s="11">
        <v>0</v>
      </c>
      <c r="L118" s="11">
        <v>0</v>
      </c>
    </row>
    <row r="119" spans="1:12" ht="21.75" customHeight="1" x14ac:dyDescent="0.2">
      <c r="A119" s="5">
        <v>118</v>
      </c>
      <c r="B119" s="16" t="s">
        <v>120</v>
      </c>
      <c r="C119" s="6" t="s">
        <v>298</v>
      </c>
      <c r="D119" s="7" t="s">
        <v>305</v>
      </c>
      <c r="E119" s="18" t="s">
        <v>306</v>
      </c>
      <c r="F119" s="8">
        <v>0</v>
      </c>
      <c r="G119" s="5" t="s">
        <v>16</v>
      </c>
      <c r="H119" s="6" t="s">
        <v>307</v>
      </c>
      <c r="I119" s="9">
        <v>7021005003038</v>
      </c>
      <c r="K119" s="11">
        <v>0</v>
      </c>
      <c r="L119" s="11">
        <v>0</v>
      </c>
    </row>
    <row r="120" spans="1:12" ht="21.75" customHeight="1" x14ac:dyDescent="0.2">
      <c r="A120" s="5">
        <v>119</v>
      </c>
      <c r="B120" s="16" t="s">
        <v>120</v>
      </c>
      <c r="C120" s="6" t="s">
        <v>298</v>
      </c>
      <c r="D120" s="7" t="s">
        <v>308</v>
      </c>
      <c r="E120" s="18" t="s">
        <v>309</v>
      </c>
      <c r="F120" s="8">
        <v>0</v>
      </c>
      <c r="G120" s="5" t="s">
        <v>16</v>
      </c>
      <c r="H120" s="6" t="s">
        <v>310</v>
      </c>
      <c r="I120" s="9">
        <v>7021005003062</v>
      </c>
      <c r="K120" s="11">
        <v>0</v>
      </c>
      <c r="L120" s="11">
        <v>0</v>
      </c>
    </row>
    <row r="121" spans="1:12" ht="21.75" customHeight="1" x14ac:dyDescent="0.2">
      <c r="A121" s="5">
        <v>120</v>
      </c>
      <c r="B121" s="16" t="s">
        <v>563</v>
      </c>
      <c r="C121" s="6" t="s">
        <v>311</v>
      </c>
      <c r="D121" s="7" t="s">
        <v>312</v>
      </c>
      <c r="E121" s="18" t="s">
        <v>313</v>
      </c>
      <c r="F121" s="8">
        <v>0</v>
      </c>
      <c r="G121" s="5" t="s">
        <v>16</v>
      </c>
      <c r="H121" s="6" t="s">
        <v>314</v>
      </c>
      <c r="I121" s="9">
        <v>5021005002363</v>
      </c>
      <c r="K121" s="11">
        <v>0</v>
      </c>
      <c r="L121" s="11">
        <v>0</v>
      </c>
    </row>
    <row r="122" spans="1:12" ht="21.75" customHeight="1" x14ac:dyDescent="0.2">
      <c r="A122" s="5">
        <v>121</v>
      </c>
      <c r="B122" s="16" t="s">
        <v>563</v>
      </c>
      <c r="C122" s="6" t="s">
        <v>315</v>
      </c>
      <c r="D122" s="7" t="s">
        <v>316</v>
      </c>
      <c r="E122" s="18" t="s">
        <v>317</v>
      </c>
      <c r="F122" s="8">
        <v>0</v>
      </c>
      <c r="G122" s="5" t="s">
        <v>16</v>
      </c>
      <c r="H122" s="6" t="s">
        <v>318</v>
      </c>
      <c r="I122" s="9">
        <v>5021005011819</v>
      </c>
      <c r="K122" s="11">
        <v>0</v>
      </c>
      <c r="L122" s="11">
        <v>0</v>
      </c>
    </row>
    <row r="123" spans="1:12" ht="21.75" customHeight="1" x14ac:dyDescent="0.2">
      <c r="A123" s="5">
        <v>122</v>
      </c>
      <c r="B123" s="16" t="s">
        <v>563</v>
      </c>
      <c r="C123" s="6" t="s">
        <v>319</v>
      </c>
      <c r="D123" s="7" t="s">
        <v>320</v>
      </c>
      <c r="E123" s="18" t="s">
        <v>321</v>
      </c>
      <c r="F123" s="8">
        <v>0</v>
      </c>
      <c r="G123" s="5" t="s">
        <v>16</v>
      </c>
      <c r="H123" s="6" t="s">
        <v>322</v>
      </c>
      <c r="I123" s="9">
        <v>8021005009224</v>
      </c>
      <c r="K123" s="11">
        <v>0</v>
      </c>
      <c r="L123" s="11">
        <v>0</v>
      </c>
    </row>
    <row r="124" spans="1:12" ht="21.75" customHeight="1" x14ac:dyDescent="0.2">
      <c r="A124" s="5">
        <v>123</v>
      </c>
      <c r="B124" s="16" t="s">
        <v>323</v>
      </c>
      <c r="C124" s="6" t="s">
        <v>324</v>
      </c>
      <c r="D124" s="7" t="s">
        <v>325</v>
      </c>
      <c r="E124" s="18" t="s">
        <v>326</v>
      </c>
      <c r="F124" s="8">
        <v>0</v>
      </c>
      <c r="G124" s="5" t="s">
        <v>16</v>
      </c>
      <c r="H124" s="6" t="s">
        <v>327</v>
      </c>
      <c r="I124" s="9">
        <v>1021005003035</v>
      </c>
      <c r="K124" s="11">
        <v>0</v>
      </c>
      <c r="L124" s="11">
        <v>0</v>
      </c>
    </row>
    <row r="125" spans="1:12" ht="21.75" customHeight="1" x14ac:dyDescent="0.2">
      <c r="A125" s="5">
        <v>124</v>
      </c>
      <c r="B125" s="16" t="s">
        <v>323</v>
      </c>
      <c r="C125" s="6" t="s">
        <v>324</v>
      </c>
      <c r="D125" s="7" t="s">
        <v>328</v>
      </c>
      <c r="E125" s="18" t="s">
        <v>329</v>
      </c>
      <c r="F125" s="8">
        <v>0</v>
      </c>
      <c r="G125" s="5" t="s">
        <v>16</v>
      </c>
      <c r="H125" s="6" t="s">
        <v>330</v>
      </c>
      <c r="I125" s="9">
        <v>9021005003036</v>
      </c>
      <c r="K125" s="11">
        <v>0</v>
      </c>
      <c r="L125" s="11">
        <v>0</v>
      </c>
    </row>
    <row r="126" spans="1:12" ht="21.75" customHeight="1" x14ac:dyDescent="0.2">
      <c r="A126" s="5">
        <v>125</v>
      </c>
      <c r="B126" s="16" t="s">
        <v>323</v>
      </c>
      <c r="C126" s="6" t="s">
        <v>324</v>
      </c>
      <c r="D126" s="7" t="s">
        <v>331</v>
      </c>
      <c r="E126" s="18" t="s">
        <v>332</v>
      </c>
      <c r="F126" s="8">
        <v>0</v>
      </c>
      <c r="G126" s="5" t="s">
        <v>16</v>
      </c>
      <c r="H126" s="6" t="s">
        <v>333</v>
      </c>
      <c r="I126" s="9">
        <v>8021005003037</v>
      </c>
      <c r="K126" s="11">
        <v>0</v>
      </c>
      <c r="L126" s="11">
        <v>0</v>
      </c>
    </row>
    <row r="127" spans="1:12" ht="21.75" customHeight="1" x14ac:dyDescent="0.2">
      <c r="A127" s="5">
        <v>126</v>
      </c>
      <c r="B127" s="16" t="s">
        <v>323</v>
      </c>
      <c r="C127" s="6" t="s">
        <v>324</v>
      </c>
      <c r="D127" s="7" t="s">
        <v>334</v>
      </c>
      <c r="E127" s="18" t="s">
        <v>335</v>
      </c>
      <c r="F127" s="8">
        <v>0</v>
      </c>
      <c r="G127" s="5" t="s">
        <v>16</v>
      </c>
      <c r="H127" s="6" t="s">
        <v>336</v>
      </c>
      <c r="I127" s="9">
        <v>4021005002942</v>
      </c>
      <c r="K127" s="11">
        <v>0</v>
      </c>
      <c r="L127" s="11">
        <v>0</v>
      </c>
    </row>
    <row r="128" spans="1:12" ht="21.75" customHeight="1" x14ac:dyDescent="0.2">
      <c r="A128" s="5">
        <v>127</v>
      </c>
      <c r="B128" s="16" t="s">
        <v>12</v>
      </c>
      <c r="C128" s="6" t="s">
        <v>13</v>
      </c>
      <c r="D128" s="7" t="s">
        <v>337</v>
      </c>
      <c r="E128" s="18" t="s">
        <v>59</v>
      </c>
      <c r="F128" s="8">
        <v>0</v>
      </c>
      <c r="G128" s="5" t="s">
        <v>338</v>
      </c>
      <c r="H128" s="6" t="s">
        <v>339</v>
      </c>
      <c r="I128" s="9">
        <v>3021005002687</v>
      </c>
      <c r="K128" s="11">
        <v>0</v>
      </c>
      <c r="L128" s="11">
        <v>0</v>
      </c>
    </row>
    <row r="129" spans="1:12" ht="21.75" customHeight="1" x14ac:dyDescent="0.2">
      <c r="A129" s="5">
        <v>128</v>
      </c>
      <c r="B129" s="16" t="s">
        <v>12</v>
      </c>
      <c r="C129" s="6" t="s">
        <v>13</v>
      </c>
      <c r="D129" s="7" t="s">
        <v>340</v>
      </c>
      <c r="E129" s="18" t="s">
        <v>341</v>
      </c>
      <c r="F129" s="8">
        <v>0</v>
      </c>
      <c r="G129" s="5" t="s">
        <v>338</v>
      </c>
      <c r="H129" s="6" t="s">
        <v>342</v>
      </c>
      <c r="I129" s="9">
        <v>1021005002697</v>
      </c>
      <c r="K129" s="11">
        <v>0</v>
      </c>
      <c r="L129" s="11">
        <v>0</v>
      </c>
    </row>
    <row r="130" spans="1:12" ht="21.75" customHeight="1" x14ac:dyDescent="0.2">
      <c r="A130" s="5">
        <v>129</v>
      </c>
      <c r="B130" s="16" t="s">
        <v>12</v>
      </c>
      <c r="C130" s="6" t="s">
        <v>13</v>
      </c>
      <c r="D130" s="7" t="s">
        <v>343</v>
      </c>
      <c r="E130" s="18" t="s">
        <v>15</v>
      </c>
      <c r="F130" s="8">
        <v>0</v>
      </c>
      <c r="G130" s="5" t="s">
        <v>338</v>
      </c>
      <c r="H130" s="6" t="s">
        <v>344</v>
      </c>
      <c r="I130" s="9">
        <v>1021005002747</v>
      </c>
      <c r="K130" s="11">
        <v>0</v>
      </c>
      <c r="L130" s="11">
        <v>0</v>
      </c>
    </row>
    <row r="131" spans="1:12" ht="21.75" customHeight="1" x14ac:dyDescent="0.2">
      <c r="A131" s="5">
        <v>130</v>
      </c>
      <c r="B131" s="16" t="s">
        <v>12</v>
      </c>
      <c r="C131" s="6" t="s">
        <v>13</v>
      </c>
      <c r="D131" s="7" t="s">
        <v>345</v>
      </c>
      <c r="E131" s="18" t="s">
        <v>77</v>
      </c>
      <c r="F131" s="8">
        <v>0</v>
      </c>
      <c r="G131" s="5" t="s">
        <v>338</v>
      </c>
      <c r="H131" s="6" t="s">
        <v>346</v>
      </c>
      <c r="I131" s="9">
        <v>5021005002719</v>
      </c>
      <c r="K131" s="11">
        <v>0</v>
      </c>
      <c r="L131" s="11">
        <v>0</v>
      </c>
    </row>
    <row r="132" spans="1:12" ht="21.75" customHeight="1" x14ac:dyDescent="0.2">
      <c r="A132" s="5">
        <v>131</v>
      </c>
      <c r="B132" s="16" t="s">
        <v>12</v>
      </c>
      <c r="C132" s="6" t="s">
        <v>13</v>
      </c>
      <c r="D132" s="7" t="s">
        <v>347</v>
      </c>
      <c r="E132" s="18" t="s">
        <v>15</v>
      </c>
      <c r="F132" s="8">
        <v>0</v>
      </c>
      <c r="G132" s="5" t="s">
        <v>338</v>
      </c>
      <c r="H132" s="6" t="s">
        <v>348</v>
      </c>
      <c r="I132" s="9">
        <v>9021005002723</v>
      </c>
      <c r="K132" s="11">
        <v>0</v>
      </c>
      <c r="L132" s="11">
        <v>0</v>
      </c>
    </row>
    <row r="133" spans="1:12" ht="21.75" customHeight="1" x14ac:dyDescent="0.2">
      <c r="A133" s="5">
        <v>132</v>
      </c>
      <c r="B133" s="16" t="s">
        <v>12</v>
      </c>
      <c r="C133" s="6" t="s">
        <v>13</v>
      </c>
      <c r="D133" s="7" t="s">
        <v>349</v>
      </c>
      <c r="E133" s="18" t="s">
        <v>15</v>
      </c>
      <c r="F133" s="8">
        <v>0</v>
      </c>
      <c r="G133" s="5" t="s">
        <v>338</v>
      </c>
      <c r="H133" s="6" t="s">
        <v>350</v>
      </c>
      <c r="I133" s="9">
        <v>1021005002763</v>
      </c>
      <c r="K133" s="11">
        <v>0</v>
      </c>
      <c r="L133" s="11">
        <v>0</v>
      </c>
    </row>
    <row r="134" spans="1:12" ht="21.75" customHeight="1" x14ac:dyDescent="0.2">
      <c r="A134" s="5">
        <v>133</v>
      </c>
      <c r="B134" s="16" t="s">
        <v>12</v>
      </c>
      <c r="C134" s="6" t="s">
        <v>13</v>
      </c>
      <c r="D134" s="7" t="s">
        <v>351</v>
      </c>
      <c r="E134" s="18" t="s">
        <v>352</v>
      </c>
      <c r="F134" s="8">
        <v>0</v>
      </c>
      <c r="G134" s="5" t="s">
        <v>338</v>
      </c>
      <c r="H134" s="6" t="s">
        <v>353</v>
      </c>
      <c r="I134" s="9">
        <v>8021005002765</v>
      </c>
      <c r="K134" s="11">
        <v>0</v>
      </c>
      <c r="L134" s="11">
        <v>0</v>
      </c>
    </row>
    <row r="135" spans="1:12" ht="21.75" customHeight="1" x14ac:dyDescent="0.2">
      <c r="A135" s="5">
        <v>134</v>
      </c>
      <c r="B135" s="16" t="s">
        <v>12</v>
      </c>
      <c r="C135" s="6" t="s">
        <v>13</v>
      </c>
      <c r="D135" s="7" t="s">
        <v>99</v>
      </c>
      <c r="E135" s="18" t="s">
        <v>354</v>
      </c>
      <c r="F135" s="8">
        <v>0</v>
      </c>
      <c r="G135" s="5" t="s">
        <v>338</v>
      </c>
      <c r="H135" s="6" t="s">
        <v>355</v>
      </c>
      <c r="I135" s="9">
        <v>5021005002776</v>
      </c>
      <c r="K135" s="11">
        <v>0</v>
      </c>
      <c r="L135" s="11">
        <v>0</v>
      </c>
    </row>
    <row r="136" spans="1:12" ht="21.75" customHeight="1" x14ac:dyDescent="0.2">
      <c r="A136" s="5">
        <v>135</v>
      </c>
      <c r="B136" s="16" t="s">
        <v>12</v>
      </c>
      <c r="C136" s="6" t="s">
        <v>13</v>
      </c>
      <c r="D136" s="7" t="s">
        <v>356</v>
      </c>
      <c r="E136" s="18" t="s">
        <v>15</v>
      </c>
      <c r="F136" s="8">
        <v>0</v>
      </c>
      <c r="G136" s="5" t="s">
        <v>338</v>
      </c>
      <c r="H136" s="6" t="s">
        <v>357</v>
      </c>
      <c r="I136" s="9">
        <v>4021005002777</v>
      </c>
      <c r="K136" s="11">
        <v>0</v>
      </c>
      <c r="L136" s="11">
        <v>0</v>
      </c>
    </row>
    <row r="137" spans="1:12" ht="21.75" customHeight="1" x14ac:dyDescent="0.2">
      <c r="A137" s="5">
        <v>136</v>
      </c>
      <c r="B137" s="16" t="s">
        <v>120</v>
      </c>
      <c r="C137" s="6" t="s">
        <v>163</v>
      </c>
      <c r="D137" s="7" t="s">
        <v>358</v>
      </c>
      <c r="E137" s="18" t="s">
        <v>359</v>
      </c>
      <c r="F137" s="8">
        <v>0</v>
      </c>
      <c r="G137" s="5" t="s">
        <v>338</v>
      </c>
      <c r="H137" s="6" t="s">
        <v>360</v>
      </c>
      <c r="I137" s="9">
        <v>6021005002676</v>
      </c>
      <c r="K137" s="11">
        <v>0</v>
      </c>
      <c r="L137" s="11">
        <v>0</v>
      </c>
    </row>
    <row r="138" spans="1:12" ht="21.75" customHeight="1" x14ac:dyDescent="0.2">
      <c r="A138" s="5">
        <v>137</v>
      </c>
      <c r="B138" s="16" t="s">
        <v>120</v>
      </c>
      <c r="C138" s="6" t="s">
        <v>181</v>
      </c>
      <c r="D138" s="7" t="s">
        <v>278</v>
      </c>
      <c r="E138" s="18" t="s">
        <v>565</v>
      </c>
      <c r="F138" s="8">
        <v>0</v>
      </c>
      <c r="G138" s="5" t="s">
        <v>338</v>
      </c>
      <c r="H138" s="6" t="s">
        <v>361</v>
      </c>
      <c r="I138" s="9">
        <v>3021005011614</v>
      </c>
      <c r="K138" s="11">
        <v>0</v>
      </c>
      <c r="L138" s="11">
        <v>0</v>
      </c>
    </row>
    <row r="139" spans="1:12" ht="21.75" customHeight="1" x14ac:dyDescent="0.2">
      <c r="A139" s="5">
        <v>138</v>
      </c>
      <c r="B139" s="16" t="s">
        <v>120</v>
      </c>
      <c r="C139" s="6" t="s">
        <v>362</v>
      </c>
      <c r="D139" s="7" t="s">
        <v>363</v>
      </c>
      <c r="E139" s="18" t="s">
        <v>364</v>
      </c>
      <c r="F139" s="8">
        <v>0</v>
      </c>
      <c r="G139" s="5" t="s">
        <v>338</v>
      </c>
      <c r="H139" s="6" t="s">
        <v>365</v>
      </c>
      <c r="I139" s="9">
        <v>1021005002680</v>
      </c>
      <c r="K139" s="11">
        <v>0</v>
      </c>
      <c r="L139" s="11">
        <v>0</v>
      </c>
    </row>
    <row r="140" spans="1:12" ht="21.75" customHeight="1" x14ac:dyDescent="0.2">
      <c r="A140" s="5">
        <v>139</v>
      </c>
      <c r="B140" s="16" t="s">
        <v>120</v>
      </c>
      <c r="C140" s="6" t="s">
        <v>362</v>
      </c>
      <c r="D140" s="7" t="s">
        <v>366</v>
      </c>
      <c r="E140" s="18" t="s">
        <v>367</v>
      </c>
      <c r="F140" s="8">
        <v>0</v>
      </c>
      <c r="G140" s="5" t="s">
        <v>338</v>
      </c>
      <c r="H140" s="6" t="s">
        <v>368</v>
      </c>
      <c r="I140" s="9">
        <v>8021005002682</v>
      </c>
      <c r="K140" s="11">
        <v>0</v>
      </c>
      <c r="L140" s="11">
        <v>0</v>
      </c>
    </row>
    <row r="141" spans="1:12" ht="21.75" customHeight="1" x14ac:dyDescent="0.2">
      <c r="A141" s="5">
        <v>140</v>
      </c>
      <c r="B141" s="16" t="s">
        <v>120</v>
      </c>
      <c r="C141" s="6" t="s">
        <v>185</v>
      </c>
      <c r="D141" s="7" t="s">
        <v>369</v>
      </c>
      <c r="E141" s="18" t="s">
        <v>370</v>
      </c>
      <c r="F141" s="8">
        <v>0</v>
      </c>
      <c r="G141" s="5" t="s">
        <v>338</v>
      </c>
      <c r="H141" s="6" t="s">
        <v>371</v>
      </c>
      <c r="I141" s="9">
        <v>3021005002745</v>
      </c>
      <c r="K141" s="11">
        <v>0</v>
      </c>
      <c r="L141" s="11">
        <v>0</v>
      </c>
    </row>
    <row r="142" spans="1:12" ht="21.75" customHeight="1" x14ac:dyDescent="0.2">
      <c r="A142" s="5">
        <v>141</v>
      </c>
      <c r="B142" s="16" t="s">
        <v>120</v>
      </c>
      <c r="C142" s="6" t="s">
        <v>258</v>
      </c>
      <c r="D142" s="7" t="s">
        <v>372</v>
      </c>
      <c r="E142" s="18" t="s">
        <v>373</v>
      </c>
      <c r="F142" s="8">
        <v>0</v>
      </c>
      <c r="G142" s="5" t="s">
        <v>338</v>
      </c>
      <c r="H142" s="6" t="s">
        <v>374</v>
      </c>
      <c r="I142" s="9">
        <v>6021005002718</v>
      </c>
      <c r="K142" s="11">
        <v>0</v>
      </c>
      <c r="L142" s="11">
        <v>0</v>
      </c>
    </row>
    <row r="143" spans="1:12" ht="21.75" customHeight="1" x14ac:dyDescent="0.2">
      <c r="A143" s="5">
        <v>142</v>
      </c>
      <c r="B143" s="16" t="s">
        <v>120</v>
      </c>
      <c r="C143" s="6" t="s">
        <v>258</v>
      </c>
      <c r="D143" s="7" t="s">
        <v>375</v>
      </c>
      <c r="E143" s="18" t="s">
        <v>376</v>
      </c>
      <c r="F143" s="8">
        <v>0</v>
      </c>
      <c r="G143" s="5" t="s">
        <v>338</v>
      </c>
      <c r="H143" s="6" t="s">
        <v>377</v>
      </c>
      <c r="I143" s="9">
        <v>4021005002769</v>
      </c>
      <c r="K143" s="11">
        <v>0</v>
      </c>
      <c r="L143" s="11">
        <v>0</v>
      </c>
    </row>
    <row r="144" spans="1:12" ht="21.75" customHeight="1" x14ac:dyDescent="0.2">
      <c r="A144" s="5">
        <v>143</v>
      </c>
      <c r="B144" s="16" t="s">
        <v>120</v>
      </c>
      <c r="C144" s="6" t="s">
        <v>258</v>
      </c>
      <c r="D144" s="7" t="s">
        <v>378</v>
      </c>
      <c r="E144" s="18" t="s">
        <v>379</v>
      </c>
      <c r="F144" s="8">
        <v>0</v>
      </c>
      <c r="G144" s="5" t="s">
        <v>338</v>
      </c>
      <c r="H144" s="6" t="s">
        <v>380</v>
      </c>
      <c r="I144" s="9">
        <v>9021005002780</v>
      </c>
      <c r="K144" s="11">
        <v>0</v>
      </c>
      <c r="L144" s="11">
        <v>0</v>
      </c>
    </row>
    <row r="145" spans="1:12" ht="21.75" customHeight="1" x14ac:dyDescent="0.2">
      <c r="A145" s="5">
        <v>144</v>
      </c>
      <c r="B145" s="16" t="s">
        <v>120</v>
      </c>
      <c r="C145" s="6" t="s">
        <v>381</v>
      </c>
      <c r="D145" s="7" t="s">
        <v>382</v>
      </c>
      <c r="E145" s="18" t="s">
        <v>383</v>
      </c>
      <c r="F145" s="8">
        <v>0</v>
      </c>
      <c r="G145" s="5" t="s">
        <v>338</v>
      </c>
      <c r="H145" s="6" t="s">
        <v>384</v>
      </c>
      <c r="I145" s="9">
        <v>9021005002772</v>
      </c>
      <c r="K145" s="11">
        <v>0</v>
      </c>
      <c r="L145" s="11">
        <v>0</v>
      </c>
    </row>
    <row r="146" spans="1:12" ht="21.75" customHeight="1" x14ac:dyDescent="0.2">
      <c r="A146" s="5">
        <v>145</v>
      </c>
      <c r="B146" s="16" t="s">
        <v>120</v>
      </c>
      <c r="C146" s="6" t="s">
        <v>298</v>
      </c>
      <c r="D146" s="7" t="s">
        <v>385</v>
      </c>
      <c r="E146" s="18" t="s">
        <v>386</v>
      </c>
      <c r="F146" s="8">
        <v>0</v>
      </c>
      <c r="G146" s="5" t="s">
        <v>338</v>
      </c>
      <c r="H146" s="6" t="s">
        <v>387</v>
      </c>
      <c r="I146" s="9">
        <v>8021005002699</v>
      </c>
      <c r="K146" s="11">
        <v>0</v>
      </c>
      <c r="L146" s="11">
        <v>0</v>
      </c>
    </row>
    <row r="147" spans="1:12" ht="21.75" customHeight="1" x14ac:dyDescent="0.2">
      <c r="A147" s="5">
        <v>146</v>
      </c>
      <c r="B147" s="16" t="s">
        <v>120</v>
      </c>
      <c r="C147" s="6" t="s">
        <v>298</v>
      </c>
      <c r="D147" s="7" t="s">
        <v>388</v>
      </c>
      <c r="E147" s="18" t="s">
        <v>389</v>
      </c>
      <c r="F147" s="8">
        <v>0</v>
      </c>
      <c r="G147" s="5" t="s">
        <v>338</v>
      </c>
      <c r="H147" s="6" t="s">
        <v>390</v>
      </c>
      <c r="I147" s="9">
        <v>7021005002717</v>
      </c>
      <c r="K147" s="11">
        <v>0</v>
      </c>
      <c r="L147" s="11">
        <v>0</v>
      </c>
    </row>
    <row r="148" spans="1:12" ht="21.75" customHeight="1" x14ac:dyDescent="0.2">
      <c r="A148" s="5">
        <v>147</v>
      </c>
      <c r="B148" s="16" t="s">
        <v>120</v>
      </c>
      <c r="C148" s="6" t="s">
        <v>298</v>
      </c>
      <c r="D148" s="7" t="s">
        <v>391</v>
      </c>
      <c r="E148" s="18" t="s">
        <v>392</v>
      </c>
      <c r="F148" s="8">
        <v>0</v>
      </c>
      <c r="G148" s="5" t="s">
        <v>338</v>
      </c>
      <c r="H148" s="6" t="s">
        <v>393</v>
      </c>
      <c r="I148" s="9">
        <v>2021005002770</v>
      </c>
      <c r="K148" s="11">
        <v>0</v>
      </c>
      <c r="L148" s="11">
        <v>0</v>
      </c>
    </row>
    <row r="149" spans="1:12" ht="21.75" customHeight="1" x14ac:dyDescent="0.2">
      <c r="A149" s="5">
        <v>148</v>
      </c>
      <c r="B149" s="16" t="s">
        <v>563</v>
      </c>
      <c r="C149" s="6" t="s">
        <v>311</v>
      </c>
      <c r="D149" s="7" t="s">
        <v>564</v>
      </c>
      <c r="E149" s="18" t="s">
        <v>394</v>
      </c>
      <c r="F149" s="8">
        <v>0</v>
      </c>
      <c r="G149" s="5" t="s">
        <v>338</v>
      </c>
      <c r="H149" s="6" t="s">
        <v>395</v>
      </c>
      <c r="I149" s="9">
        <v>8021005002749</v>
      </c>
      <c r="K149" s="11">
        <v>0</v>
      </c>
      <c r="L149" s="11">
        <v>0</v>
      </c>
    </row>
    <row r="150" spans="1:12" ht="21.75" customHeight="1" x14ac:dyDescent="0.2">
      <c r="A150" s="5">
        <v>149</v>
      </c>
      <c r="B150" s="16" t="s">
        <v>563</v>
      </c>
      <c r="C150" s="6" t="s">
        <v>396</v>
      </c>
      <c r="D150" s="7" t="s">
        <v>397</v>
      </c>
      <c r="E150" s="18" t="s">
        <v>398</v>
      </c>
      <c r="F150" s="8">
        <v>0</v>
      </c>
      <c r="G150" s="5" t="s">
        <v>338</v>
      </c>
      <c r="H150" s="6" t="s">
        <v>399</v>
      </c>
      <c r="I150" s="9">
        <v>6021005002750</v>
      </c>
      <c r="K150" s="11">
        <v>0</v>
      </c>
      <c r="L150" s="11">
        <v>0</v>
      </c>
    </row>
    <row r="151" spans="1:12" ht="21.75" customHeight="1" x14ac:dyDescent="0.2">
      <c r="A151" s="5">
        <v>150</v>
      </c>
      <c r="B151" s="16" t="s">
        <v>563</v>
      </c>
      <c r="C151" s="6" t="s">
        <v>400</v>
      </c>
      <c r="D151" s="7" t="s">
        <v>401</v>
      </c>
      <c r="E151" s="18" t="s">
        <v>402</v>
      </c>
      <c r="F151" s="8">
        <v>0</v>
      </c>
      <c r="G151" s="5" t="s">
        <v>338</v>
      </c>
      <c r="H151" s="6" t="s">
        <v>403</v>
      </c>
      <c r="I151" s="9">
        <v>3021005002753</v>
      </c>
      <c r="K151" s="11">
        <v>0</v>
      </c>
      <c r="L151" s="11">
        <v>0</v>
      </c>
    </row>
    <row r="152" spans="1:12" ht="21.75" customHeight="1" x14ac:dyDescent="0.2">
      <c r="A152" s="5">
        <v>151</v>
      </c>
      <c r="B152" s="16" t="s">
        <v>563</v>
      </c>
      <c r="C152" s="6" t="s">
        <v>404</v>
      </c>
      <c r="D152" s="7" t="s">
        <v>405</v>
      </c>
      <c r="E152" s="18" t="s">
        <v>406</v>
      </c>
      <c r="F152" s="8">
        <v>0</v>
      </c>
      <c r="G152" s="5" t="s">
        <v>338</v>
      </c>
      <c r="H152" s="6" t="s">
        <v>407</v>
      </c>
      <c r="I152" s="9">
        <v>7021005002691</v>
      </c>
      <c r="K152" s="11">
        <v>0</v>
      </c>
      <c r="L152" s="11">
        <v>0</v>
      </c>
    </row>
    <row r="153" spans="1:12" ht="21.75" customHeight="1" x14ac:dyDescent="0.2">
      <c r="A153" s="5">
        <v>152</v>
      </c>
      <c r="B153" s="16" t="s">
        <v>563</v>
      </c>
      <c r="C153" s="6" t="s">
        <v>319</v>
      </c>
      <c r="D153" s="7" t="s">
        <v>408</v>
      </c>
      <c r="E153" s="18" t="s">
        <v>409</v>
      </c>
      <c r="F153" s="8">
        <v>0</v>
      </c>
      <c r="G153" s="5" t="s">
        <v>338</v>
      </c>
      <c r="H153" s="6" t="s">
        <v>410</v>
      </c>
      <c r="I153" s="9">
        <v>1021005003365</v>
      </c>
      <c r="K153" s="11">
        <v>0</v>
      </c>
      <c r="L153" s="11">
        <v>0</v>
      </c>
    </row>
    <row r="154" spans="1:12" ht="21.75" customHeight="1" x14ac:dyDescent="0.2">
      <c r="A154" s="5">
        <v>153</v>
      </c>
      <c r="B154" s="16" t="s">
        <v>563</v>
      </c>
      <c r="C154" s="6" t="s">
        <v>319</v>
      </c>
      <c r="D154" s="7" t="s">
        <v>411</v>
      </c>
      <c r="E154" s="18" t="s">
        <v>412</v>
      </c>
      <c r="F154" s="8">
        <v>0</v>
      </c>
      <c r="G154" s="5" t="s">
        <v>338</v>
      </c>
      <c r="H154" s="6" t="s">
        <v>413</v>
      </c>
      <c r="I154" s="9">
        <v>7021005011916</v>
      </c>
      <c r="K154" s="11">
        <v>0</v>
      </c>
      <c r="L154" s="11">
        <v>0</v>
      </c>
    </row>
    <row r="155" spans="1:12" ht="21.75" customHeight="1" x14ac:dyDescent="0.2">
      <c r="A155" s="5">
        <v>154</v>
      </c>
      <c r="B155" s="16" t="s">
        <v>323</v>
      </c>
      <c r="C155" s="6" t="s">
        <v>324</v>
      </c>
      <c r="D155" s="7" t="s">
        <v>414</v>
      </c>
      <c r="E155" s="18" t="s">
        <v>415</v>
      </c>
      <c r="F155" s="8">
        <v>0</v>
      </c>
      <c r="G155" s="5" t="s">
        <v>338</v>
      </c>
      <c r="H155" s="6" t="s">
        <v>416</v>
      </c>
      <c r="I155" s="9">
        <v>6021005002742</v>
      </c>
      <c r="K155" s="11">
        <v>0</v>
      </c>
      <c r="L155" s="11">
        <v>0</v>
      </c>
    </row>
    <row r="156" spans="1:12" ht="21.75" customHeight="1" x14ac:dyDescent="0.2">
      <c r="A156" s="5">
        <v>155</v>
      </c>
      <c r="B156" s="16" t="s">
        <v>323</v>
      </c>
      <c r="C156" s="6" t="s">
        <v>324</v>
      </c>
      <c r="D156" s="7" t="s">
        <v>417</v>
      </c>
      <c r="E156" s="18" t="s">
        <v>418</v>
      </c>
      <c r="F156" s="8">
        <v>0</v>
      </c>
      <c r="G156" s="5" t="s">
        <v>338</v>
      </c>
      <c r="H156" s="6" t="s">
        <v>419</v>
      </c>
      <c r="I156" s="9">
        <v>4021005002728</v>
      </c>
      <c r="K156" s="11">
        <v>0</v>
      </c>
      <c r="L156" s="11">
        <v>0</v>
      </c>
    </row>
    <row r="157" spans="1:12" ht="21.75" customHeight="1" x14ac:dyDescent="0.2">
      <c r="A157" s="5">
        <v>156</v>
      </c>
      <c r="B157" s="16" t="s">
        <v>323</v>
      </c>
      <c r="C157" s="6" t="s">
        <v>324</v>
      </c>
      <c r="D157" s="7" t="s">
        <v>420</v>
      </c>
      <c r="E157" s="18" t="s">
        <v>421</v>
      </c>
      <c r="F157" s="8">
        <v>0</v>
      </c>
      <c r="G157" s="5" t="s">
        <v>338</v>
      </c>
      <c r="H157" s="6" t="s">
        <v>422</v>
      </c>
      <c r="I157" s="9">
        <v>3021005002729</v>
      </c>
      <c r="K157" s="11">
        <v>0</v>
      </c>
      <c r="L157" s="11">
        <v>0</v>
      </c>
    </row>
    <row r="158" spans="1:12" ht="21.75" customHeight="1" x14ac:dyDescent="0.2">
      <c r="A158" s="5">
        <v>157</v>
      </c>
      <c r="B158" s="16" t="s">
        <v>323</v>
      </c>
      <c r="C158" s="6" t="s">
        <v>324</v>
      </c>
      <c r="D158" s="7" t="s">
        <v>423</v>
      </c>
      <c r="E158" s="18" t="s">
        <v>424</v>
      </c>
      <c r="F158" s="8">
        <v>0</v>
      </c>
      <c r="G158" s="5" t="s">
        <v>338</v>
      </c>
      <c r="H158" s="6" t="s">
        <v>425</v>
      </c>
      <c r="I158" s="9">
        <v>5021005002743</v>
      </c>
      <c r="K158" s="11">
        <v>0</v>
      </c>
      <c r="L158" s="11">
        <v>0</v>
      </c>
    </row>
    <row r="159" spans="1:12" ht="21.75" customHeight="1" x14ac:dyDescent="0.2">
      <c r="A159" s="5">
        <v>158</v>
      </c>
      <c r="B159" s="16" t="s">
        <v>323</v>
      </c>
      <c r="C159" s="6" t="s">
        <v>324</v>
      </c>
      <c r="D159" s="7" t="s">
        <v>426</v>
      </c>
      <c r="E159" s="18" t="s">
        <v>427</v>
      </c>
      <c r="F159" s="8">
        <v>0</v>
      </c>
      <c r="G159" s="5" t="s">
        <v>338</v>
      </c>
      <c r="H159" s="6" t="s">
        <v>428</v>
      </c>
      <c r="I159" s="9">
        <v>8021005002955</v>
      </c>
      <c r="K159" s="11">
        <v>0</v>
      </c>
      <c r="L159" s="11">
        <v>0</v>
      </c>
    </row>
    <row r="160" spans="1:12" ht="21.75" customHeight="1" x14ac:dyDescent="0.2">
      <c r="A160" s="5">
        <v>159</v>
      </c>
      <c r="B160" s="16" t="s">
        <v>323</v>
      </c>
      <c r="C160" s="6" t="s">
        <v>324</v>
      </c>
      <c r="D160" s="7" t="s">
        <v>429</v>
      </c>
      <c r="E160" s="18" t="s">
        <v>430</v>
      </c>
      <c r="F160" s="8">
        <v>0</v>
      </c>
      <c r="G160" s="5" t="s">
        <v>338</v>
      </c>
      <c r="H160" s="6" t="s">
        <v>431</v>
      </c>
      <c r="I160" s="9">
        <v>6021005002726</v>
      </c>
      <c r="K160" s="11">
        <v>0</v>
      </c>
      <c r="L160" s="11">
        <v>0</v>
      </c>
    </row>
    <row r="161" spans="1:12" ht="21.75" customHeight="1" x14ac:dyDescent="0.2">
      <c r="A161" s="5">
        <v>160</v>
      </c>
      <c r="B161" s="16" t="s">
        <v>323</v>
      </c>
      <c r="C161" s="6" t="s">
        <v>324</v>
      </c>
      <c r="D161" s="7" t="s">
        <v>432</v>
      </c>
      <c r="E161" s="18" t="s">
        <v>433</v>
      </c>
      <c r="F161" s="8">
        <v>0</v>
      </c>
      <c r="G161" s="5" t="s">
        <v>338</v>
      </c>
      <c r="H161" s="6" t="s">
        <v>434</v>
      </c>
      <c r="I161" s="9">
        <v>7021005002956</v>
      </c>
      <c r="K161" s="11">
        <v>0</v>
      </c>
      <c r="L161" s="11">
        <v>0</v>
      </c>
    </row>
    <row r="162" spans="1:12" ht="21.75" customHeight="1" x14ac:dyDescent="0.2">
      <c r="A162" s="5">
        <v>161</v>
      </c>
      <c r="B162" s="16" t="s">
        <v>12</v>
      </c>
      <c r="C162" s="6" t="s">
        <v>13</v>
      </c>
      <c r="D162" s="7" t="s">
        <v>29</v>
      </c>
      <c r="E162" s="18" t="s">
        <v>59</v>
      </c>
      <c r="F162" s="8">
        <v>0</v>
      </c>
      <c r="G162" s="5" t="s">
        <v>435</v>
      </c>
      <c r="H162" s="6" t="s">
        <v>436</v>
      </c>
      <c r="I162" s="9">
        <v>3021005002679</v>
      </c>
      <c r="K162" s="11">
        <v>0</v>
      </c>
      <c r="L162" s="11">
        <v>0</v>
      </c>
    </row>
    <row r="163" spans="1:12" ht="21.75" customHeight="1" x14ac:dyDescent="0.2">
      <c r="A163" s="5">
        <v>162</v>
      </c>
      <c r="B163" s="16" t="s">
        <v>12</v>
      </c>
      <c r="C163" s="6" t="s">
        <v>13</v>
      </c>
      <c r="D163" s="7" t="s">
        <v>437</v>
      </c>
      <c r="E163" s="18" t="s">
        <v>15</v>
      </c>
      <c r="F163" s="8">
        <v>0</v>
      </c>
      <c r="G163" s="5" t="s">
        <v>435</v>
      </c>
      <c r="H163" s="6" t="s">
        <v>438</v>
      </c>
      <c r="I163" s="9">
        <v>7021005002683</v>
      </c>
      <c r="K163" s="11">
        <v>0</v>
      </c>
      <c r="L163" s="11">
        <v>0</v>
      </c>
    </row>
    <row r="164" spans="1:12" ht="21.75" customHeight="1" x14ac:dyDescent="0.2">
      <c r="A164" s="5">
        <v>163</v>
      </c>
      <c r="B164" s="16" t="s">
        <v>12</v>
      </c>
      <c r="C164" s="6" t="s">
        <v>13</v>
      </c>
      <c r="D164" s="7" t="s">
        <v>439</v>
      </c>
      <c r="E164" s="18" t="s">
        <v>15</v>
      </c>
      <c r="F164" s="8">
        <v>0</v>
      </c>
      <c r="G164" s="5" t="s">
        <v>435</v>
      </c>
      <c r="H164" s="6" t="s">
        <v>440</v>
      </c>
      <c r="I164" s="9">
        <v>4021005002686</v>
      </c>
      <c r="K164" s="11">
        <v>0</v>
      </c>
      <c r="L164" s="11">
        <v>0</v>
      </c>
    </row>
    <row r="165" spans="1:12" ht="21.75" customHeight="1" x14ac:dyDescent="0.2">
      <c r="A165" s="5">
        <v>164</v>
      </c>
      <c r="B165" s="16" t="s">
        <v>12</v>
      </c>
      <c r="C165" s="6" t="s">
        <v>13</v>
      </c>
      <c r="D165" s="7" t="s">
        <v>441</v>
      </c>
      <c r="E165" s="18" t="s">
        <v>442</v>
      </c>
      <c r="F165" s="8">
        <v>0</v>
      </c>
      <c r="G165" s="5" t="s">
        <v>435</v>
      </c>
      <c r="H165" s="6" t="s">
        <v>443</v>
      </c>
      <c r="I165" s="9">
        <v>6021005002684</v>
      </c>
      <c r="K165" s="11">
        <v>0</v>
      </c>
      <c r="L165" s="11">
        <v>0</v>
      </c>
    </row>
    <row r="166" spans="1:12" ht="21.75" customHeight="1" x14ac:dyDescent="0.2">
      <c r="A166" s="5">
        <v>165</v>
      </c>
      <c r="B166" s="16" t="s">
        <v>12</v>
      </c>
      <c r="C166" s="6" t="s">
        <v>13</v>
      </c>
      <c r="D166" s="7" t="s">
        <v>444</v>
      </c>
      <c r="E166" s="18" t="s">
        <v>442</v>
      </c>
      <c r="F166" s="8">
        <v>0</v>
      </c>
      <c r="G166" s="5" t="s">
        <v>435</v>
      </c>
      <c r="H166" s="6" t="s">
        <v>445</v>
      </c>
      <c r="I166" s="9">
        <v>5021005002685</v>
      </c>
      <c r="K166" s="11">
        <v>0</v>
      </c>
      <c r="L166" s="11">
        <v>0</v>
      </c>
    </row>
    <row r="167" spans="1:12" ht="21.75" customHeight="1" x14ac:dyDescent="0.2">
      <c r="A167" s="5">
        <v>166</v>
      </c>
      <c r="B167" s="16" t="s">
        <v>12</v>
      </c>
      <c r="C167" s="6" t="s">
        <v>13</v>
      </c>
      <c r="D167" s="7" t="s">
        <v>446</v>
      </c>
      <c r="E167" s="18" t="s">
        <v>59</v>
      </c>
      <c r="F167" s="8">
        <v>0</v>
      </c>
      <c r="G167" s="5" t="s">
        <v>435</v>
      </c>
      <c r="H167" s="6" t="s">
        <v>447</v>
      </c>
      <c r="I167" s="9">
        <v>9021005002756</v>
      </c>
      <c r="K167" s="11">
        <v>0</v>
      </c>
      <c r="L167" s="11">
        <v>0</v>
      </c>
    </row>
    <row r="168" spans="1:12" ht="21.75" customHeight="1" x14ac:dyDescent="0.2">
      <c r="A168" s="5">
        <v>167</v>
      </c>
      <c r="B168" s="16" t="s">
        <v>12</v>
      </c>
      <c r="C168" s="6" t="s">
        <v>13</v>
      </c>
      <c r="D168" s="7" t="s">
        <v>448</v>
      </c>
      <c r="E168" s="18" t="s">
        <v>59</v>
      </c>
      <c r="F168" s="8">
        <v>0</v>
      </c>
      <c r="G168" s="5" t="s">
        <v>435</v>
      </c>
      <c r="H168" s="6" t="s">
        <v>449</v>
      </c>
      <c r="I168" s="9">
        <v>4021005002703</v>
      </c>
      <c r="K168" s="11">
        <v>0</v>
      </c>
      <c r="L168" s="11">
        <v>0</v>
      </c>
    </row>
    <row r="169" spans="1:12" ht="21.75" customHeight="1" x14ac:dyDescent="0.2">
      <c r="A169" s="5">
        <v>168</v>
      </c>
      <c r="B169" s="16" t="s">
        <v>12</v>
      </c>
      <c r="C169" s="6" t="s">
        <v>13</v>
      </c>
      <c r="D169" s="7" t="s">
        <v>51</v>
      </c>
      <c r="E169" s="18" t="s">
        <v>442</v>
      </c>
      <c r="F169" s="8">
        <v>0</v>
      </c>
      <c r="G169" s="5" t="s">
        <v>435</v>
      </c>
      <c r="H169" s="6" t="s">
        <v>450</v>
      </c>
      <c r="I169" s="9">
        <v>3021005002712</v>
      </c>
      <c r="K169" s="11">
        <v>0</v>
      </c>
      <c r="L169" s="11">
        <v>0</v>
      </c>
    </row>
    <row r="170" spans="1:12" ht="21.75" customHeight="1" x14ac:dyDescent="0.2">
      <c r="A170" s="5">
        <v>169</v>
      </c>
      <c r="B170" s="16" t="s">
        <v>12</v>
      </c>
      <c r="C170" s="6" t="s">
        <v>13</v>
      </c>
      <c r="D170" s="7" t="s">
        <v>451</v>
      </c>
      <c r="E170" s="18" t="s">
        <v>59</v>
      </c>
      <c r="F170" s="8">
        <v>0</v>
      </c>
      <c r="G170" s="5" t="s">
        <v>435</v>
      </c>
      <c r="H170" s="6" t="s">
        <v>452</v>
      </c>
      <c r="I170" s="9">
        <v>1021005002714</v>
      </c>
      <c r="K170" s="11">
        <v>0</v>
      </c>
      <c r="L170" s="11">
        <v>0</v>
      </c>
    </row>
    <row r="171" spans="1:12" ht="21.75" customHeight="1" x14ac:dyDescent="0.2">
      <c r="A171" s="5">
        <v>170</v>
      </c>
      <c r="B171" s="16" t="s">
        <v>12</v>
      </c>
      <c r="C171" s="6" t="s">
        <v>13</v>
      </c>
      <c r="D171" s="7" t="s">
        <v>453</v>
      </c>
      <c r="E171" s="18" t="s">
        <v>59</v>
      </c>
      <c r="F171" s="8">
        <v>0</v>
      </c>
      <c r="G171" s="5" t="s">
        <v>435</v>
      </c>
      <c r="H171" s="6" t="s">
        <v>454</v>
      </c>
      <c r="I171" s="9">
        <v>1021005002722</v>
      </c>
      <c r="K171" s="11">
        <v>0</v>
      </c>
      <c r="L171" s="11">
        <v>0</v>
      </c>
    </row>
    <row r="172" spans="1:12" ht="21.75" customHeight="1" x14ac:dyDescent="0.2">
      <c r="A172" s="5">
        <v>171</v>
      </c>
      <c r="B172" s="16" t="s">
        <v>12</v>
      </c>
      <c r="C172" s="6" t="s">
        <v>13</v>
      </c>
      <c r="D172" s="7" t="s">
        <v>455</v>
      </c>
      <c r="E172" s="18" t="s">
        <v>442</v>
      </c>
      <c r="F172" s="8">
        <v>0</v>
      </c>
      <c r="G172" s="5" t="s">
        <v>435</v>
      </c>
      <c r="H172" s="6" t="s">
        <v>456</v>
      </c>
      <c r="I172" s="9">
        <v>4021005002744</v>
      </c>
      <c r="K172" s="11">
        <v>0</v>
      </c>
      <c r="L172" s="11">
        <v>0</v>
      </c>
    </row>
    <row r="173" spans="1:12" ht="21.75" customHeight="1" x14ac:dyDescent="0.2">
      <c r="A173" s="5">
        <v>172</v>
      </c>
      <c r="B173" s="16" t="s">
        <v>12</v>
      </c>
      <c r="C173" s="6" t="s">
        <v>13</v>
      </c>
      <c r="D173" s="7" t="s">
        <v>457</v>
      </c>
      <c r="E173" s="18" t="s">
        <v>442</v>
      </c>
      <c r="F173" s="8">
        <v>0</v>
      </c>
      <c r="G173" s="5" t="s">
        <v>435</v>
      </c>
      <c r="H173" s="6" t="s">
        <v>458</v>
      </c>
      <c r="I173" s="9">
        <v>2021005002746</v>
      </c>
      <c r="K173" s="11">
        <v>0</v>
      </c>
      <c r="L173" s="11">
        <v>0</v>
      </c>
    </row>
    <row r="174" spans="1:12" ht="21.75" customHeight="1" x14ac:dyDescent="0.2">
      <c r="A174" s="5">
        <v>173</v>
      </c>
      <c r="B174" s="16" t="s">
        <v>12</v>
      </c>
      <c r="C174" s="6" t="s">
        <v>13</v>
      </c>
      <c r="D174" s="7" t="s">
        <v>459</v>
      </c>
      <c r="E174" s="18" t="s">
        <v>442</v>
      </c>
      <c r="F174" s="8">
        <v>0</v>
      </c>
      <c r="G174" s="5" t="s">
        <v>435</v>
      </c>
      <c r="H174" s="6" t="s">
        <v>460</v>
      </c>
      <c r="I174" s="9">
        <v>5021005002702</v>
      </c>
      <c r="K174" s="11">
        <v>0</v>
      </c>
      <c r="L174" s="11">
        <v>0</v>
      </c>
    </row>
    <row r="175" spans="1:12" ht="21.75" customHeight="1" x14ac:dyDescent="0.2">
      <c r="A175" s="5">
        <v>174</v>
      </c>
      <c r="B175" s="16" t="s">
        <v>12</v>
      </c>
      <c r="C175" s="6" t="s">
        <v>13</v>
      </c>
      <c r="D175" s="7" t="s">
        <v>76</v>
      </c>
      <c r="E175" s="18" t="s">
        <v>59</v>
      </c>
      <c r="F175" s="8">
        <v>0</v>
      </c>
      <c r="G175" s="5" t="s">
        <v>435</v>
      </c>
      <c r="H175" s="6" t="s">
        <v>461</v>
      </c>
      <c r="I175" s="9">
        <v>1021005002755</v>
      </c>
      <c r="K175" s="11">
        <v>0</v>
      </c>
      <c r="L175" s="11">
        <v>0</v>
      </c>
    </row>
    <row r="176" spans="1:12" ht="21.75" customHeight="1" x14ac:dyDescent="0.2">
      <c r="A176" s="5">
        <v>175</v>
      </c>
      <c r="B176" s="16" t="s">
        <v>12</v>
      </c>
      <c r="C176" s="6" t="s">
        <v>13</v>
      </c>
      <c r="D176" s="7" t="s">
        <v>462</v>
      </c>
      <c r="E176" s="18" t="s">
        <v>59</v>
      </c>
      <c r="F176" s="8">
        <v>0</v>
      </c>
      <c r="G176" s="5" t="s">
        <v>435</v>
      </c>
      <c r="H176" s="6" t="s">
        <v>463</v>
      </c>
      <c r="I176" s="9">
        <v>4021005002760</v>
      </c>
      <c r="K176" s="11">
        <v>0</v>
      </c>
      <c r="L176" s="11">
        <v>0</v>
      </c>
    </row>
    <row r="177" spans="1:12" ht="21.75" customHeight="1" x14ac:dyDescent="0.2">
      <c r="A177" s="5">
        <v>176</v>
      </c>
      <c r="B177" s="16" t="s">
        <v>12</v>
      </c>
      <c r="C177" s="6" t="s">
        <v>13</v>
      </c>
      <c r="D177" s="7" t="s">
        <v>349</v>
      </c>
      <c r="E177" s="18" t="s">
        <v>59</v>
      </c>
      <c r="F177" s="8">
        <v>0</v>
      </c>
      <c r="G177" s="5" t="s">
        <v>435</v>
      </c>
      <c r="H177" s="6" t="s">
        <v>464</v>
      </c>
      <c r="I177" s="9">
        <v>6021005002759</v>
      </c>
      <c r="K177" s="11">
        <v>0</v>
      </c>
      <c r="L177" s="11">
        <v>0</v>
      </c>
    </row>
    <row r="178" spans="1:12" ht="21.75" customHeight="1" x14ac:dyDescent="0.2">
      <c r="A178" s="5">
        <v>177</v>
      </c>
      <c r="B178" s="16" t="s">
        <v>12</v>
      </c>
      <c r="C178" s="6" t="s">
        <v>13</v>
      </c>
      <c r="D178" s="7" t="s">
        <v>349</v>
      </c>
      <c r="E178" s="18" t="s">
        <v>15</v>
      </c>
      <c r="F178" s="8">
        <v>0</v>
      </c>
      <c r="G178" s="5" t="s">
        <v>435</v>
      </c>
      <c r="H178" s="6" t="s">
        <v>465</v>
      </c>
      <c r="I178" s="9">
        <v>9021005002764</v>
      </c>
      <c r="K178" s="11">
        <v>0</v>
      </c>
      <c r="L178" s="11">
        <v>0</v>
      </c>
    </row>
    <row r="179" spans="1:12" ht="21.75" customHeight="1" x14ac:dyDescent="0.2">
      <c r="A179" s="5">
        <v>178</v>
      </c>
      <c r="B179" s="16" t="s">
        <v>12</v>
      </c>
      <c r="C179" s="6" t="s">
        <v>13</v>
      </c>
      <c r="D179" s="7" t="s">
        <v>349</v>
      </c>
      <c r="E179" s="18" t="s">
        <v>442</v>
      </c>
      <c r="F179" s="8">
        <v>0</v>
      </c>
      <c r="G179" s="5" t="s">
        <v>435</v>
      </c>
      <c r="H179" s="6" t="s">
        <v>466</v>
      </c>
      <c r="I179" s="9">
        <v>2021005002762</v>
      </c>
      <c r="K179" s="11">
        <v>0</v>
      </c>
      <c r="L179" s="11">
        <v>0</v>
      </c>
    </row>
    <row r="180" spans="1:12" ht="21.75" customHeight="1" x14ac:dyDescent="0.2">
      <c r="A180" s="5">
        <v>179</v>
      </c>
      <c r="B180" s="16" t="s">
        <v>12</v>
      </c>
      <c r="C180" s="6" t="s">
        <v>13</v>
      </c>
      <c r="D180" s="7" t="s">
        <v>349</v>
      </c>
      <c r="E180" s="18" t="s">
        <v>59</v>
      </c>
      <c r="F180" s="8">
        <v>0</v>
      </c>
      <c r="G180" s="5" t="s">
        <v>435</v>
      </c>
      <c r="H180" s="6" t="s">
        <v>467</v>
      </c>
      <c r="I180" s="9">
        <v>6021005002767</v>
      </c>
      <c r="K180" s="11">
        <v>0</v>
      </c>
      <c r="L180" s="11">
        <v>0</v>
      </c>
    </row>
    <row r="181" spans="1:12" ht="21.75" customHeight="1" x14ac:dyDescent="0.2">
      <c r="A181" s="5">
        <v>180</v>
      </c>
      <c r="B181" s="16" t="s">
        <v>12</v>
      </c>
      <c r="C181" s="6" t="s">
        <v>13</v>
      </c>
      <c r="D181" s="7" t="s">
        <v>468</v>
      </c>
      <c r="E181" s="18" t="s">
        <v>442</v>
      </c>
      <c r="F181" s="8">
        <v>0</v>
      </c>
      <c r="G181" s="5" t="s">
        <v>435</v>
      </c>
      <c r="H181" s="6" t="s">
        <v>469</v>
      </c>
      <c r="I181" s="9">
        <v>7021005002766</v>
      </c>
      <c r="K181" s="11">
        <v>0</v>
      </c>
      <c r="L181" s="11">
        <v>0</v>
      </c>
    </row>
    <row r="182" spans="1:12" ht="21.75" customHeight="1" x14ac:dyDescent="0.2">
      <c r="A182" s="5">
        <v>181</v>
      </c>
      <c r="B182" s="16" t="s">
        <v>12</v>
      </c>
      <c r="C182" s="6" t="s">
        <v>13</v>
      </c>
      <c r="D182" s="7" t="s">
        <v>470</v>
      </c>
      <c r="E182" s="18" t="s">
        <v>442</v>
      </c>
      <c r="F182" s="8">
        <v>0</v>
      </c>
      <c r="G182" s="5" t="s">
        <v>435</v>
      </c>
      <c r="H182" s="6" t="s">
        <v>471</v>
      </c>
      <c r="I182" s="9">
        <v>1021005002771</v>
      </c>
      <c r="K182" s="11">
        <v>0</v>
      </c>
      <c r="L182" s="11">
        <v>0</v>
      </c>
    </row>
    <row r="183" spans="1:12" ht="21.75" customHeight="1" x14ac:dyDescent="0.2">
      <c r="A183" s="5">
        <v>182</v>
      </c>
      <c r="B183" s="16" t="s">
        <v>12</v>
      </c>
      <c r="C183" s="6" t="s">
        <v>13</v>
      </c>
      <c r="D183" s="7" t="s">
        <v>472</v>
      </c>
      <c r="E183" s="18" t="s">
        <v>59</v>
      </c>
      <c r="F183" s="8">
        <v>0</v>
      </c>
      <c r="G183" s="5" t="s">
        <v>435</v>
      </c>
      <c r="H183" s="6" t="s">
        <v>473</v>
      </c>
      <c r="I183" s="9">
        <v>7021005002774</v>
      </c>
      <c r="K183" s="11">
        <v>0</v>
      </c>
      <c r="L183" s="11">
        <v>0</v>
      </c>
    </row>
    <row r="184" spans="1:12" ht="21.75" customHeight="1" x14ac:dyDescent="0.2">
      <c r="A184" s="5">
        <v>183</v>
      </c>
      <c r="B184" s="16" t="s">
        <v>12</v>
      </c>
      <c r="C184" s="6" t="s">
        <v>13</v>
      </c>
      <c r="D184" s="7" t="s">
        <v>99</v>
      </c>
      <c r="E184" s="18" t="s">
        <v>59</v>
      </c>
      <c r="F184" s="8">
        <v>0</v>
      </c>
      <c r="G184" s="5" t="s">
        <v>435</v>
      </c>
      <c r="H184" s="6" t="s">
        <v>474</v>
      </c>
      <c r="I184" s="9">
        <v>8021005002773</v>
      </c>
      <c r="K184" s="11">
        <v>0</v>
      </c>
      <c r="L184" s="11">
        <v>0</v>
      </c>
    </row>
    <row r="185" spans="1:12" ht="21.75" customHeight="1" x14ac:dyDescent="0.2">
      <c r="A185" s="5">
        <v>184</v>
      </c>
      <c r="B185" s="16" t="s">
        <v>12</v>
      </c>
      <c r="C185" s="6" t="s">
        <v>112</v>
      </c>
      <c r="D185" s="7" t="s">
        <v>475</v>
      </c>
      <c r="E185" s="18" t="s">
        <v>476</v>
      </c>
      <c r="F185" s="8">
        <v>0</v>
      </c>
      <c r="G185" s="5" t="s">
        <v>435</v>
      </c>
      <c r="H185" s="6" t="s">
        <v>477</v>
      </c>
      <c r="I185" s="9">
        <v>6021005002701</v>
      </c>
      <c r="K185" s="11">
        <v>0</v>
      </c>
      <c r="L185" s="11">
        <v>0</v>
      </c>
    </row>
    <row r="186" spans="1:12" ht="21.75" customHeight="1" x14ac:dyDescent="0.2">
      <c r="A186" s="5">
        <v>185</v>
      </c>
      <c r="B186" s="16" t="s">
        <v>120</v>
      </c>
      <c r="C186" s="6" t="s">
        <v>478</v>
      </c>
      <c r="D186" s="7" t="s">
        <v>479</v>
      </c>
      <c r="E186" s="18" t="s">
        <v>480</v>
      </c>
      <c r="F186" s="8">
        <v>0</v>
      </c>
      <c r="G186" s="5" t="s">
        <v>435</v>
      </c>
      <c r="H186" s="6" t="s">
        <v>481</v>
      </c>
      <c r="I186" s="9">
        <v>9021005002681</v>
      </c>
      <c r="K186" s="11">
        <v>0</v>
      </c>
      <c r="L186" s="11">
        <v>0</v>
      </c>
    </row>
    <row r="187" spans="1:12" ht="21.75" customHeight="1" x14ac:dyDescent="0.2">
      <c r="A187" s="5">
        <v>186</v>
      </c>
      <c r="B187" s="16" t="s">
        <v>120</v>
      </c>
      <c r="C187" s="6" t="s">
        <v>362</v>
      </c>
      <c r="D187" s="7" t="s">
        <v>482</v>
      </c>
      <c r="E187" s="18" t="s">
        <v>566</v>
      </c>
      <c r="F187" s="8">
        <v>0</v>
      </c>
      <c r="G187" s="5" t="s">
        <v>435</v>
      </c>
      <c r="H187" s="6" t="s">
        <v>483</v>
      </c>
      <c r="I187" s="9">
        <v>6021005002692</v>
      </c>
      <c r="K187" s="11">
        <v>0</v>
      </c>
      <c r="L187" s="11">
        <v>0</v>
      </c>
    </row>
    <row r="188" spans="1:12" ht="21.75" customHeight="1" x14ac:dyDescent="0.2">
      <c r="A188" s="5">
        <v>187</v>
      </c>
      <c r="B188" s="16" t="s">
        <v>120</v>
      </c>
      <c r="C188" s="6" t="s">
        <v>362</v>
      </c>
      <c r="D188" s="7" t="s">
        <v>484</v>
      </c>
      <c r="E188" s="18" t="s">
        <v>485</v>
      </c>
      <c r="F188" s="8">
        <v>0</v>
      </c>
      <c r="G188" s="5" t="s">
        <v>435</v>
      </c>
      <c r="H188" s="6" t="s">
        <v>486</v>
      </c>
      <c r="I188" s="9">
        <v>7021005002700</v>
      </c>
      <c r="K188" s="11">
        <v>0</v>
      </c>
      <c r="L188" s="11">
        <v>0</v>
      </c>
    </row>
    <row r="189" spans="1:12" ht="21.75" customHeight="1" x14ac:dyDescent="0.2">
      <c r="A189" s="5">
        <v>188</v>
      </c>
      <c r="B189" s="16" t="s">
        <v>120</v>
      </c>
      <c r="C189" s="6" t="s">
        <v>487</v>
      </c>
      <c r="D189" s="7" t="s">
        <v>488</v>
      </c>
      <c r="E189" s="18" t="s">
        <v>489</v>
      </c>
      <c r="F189" s="8" t="s">
        <v>490</v>
      </c>
      <c r="G189" s="5" t="s">
        <v>435</v>
      </c>
      <c r="H189" s="6" t="s">
        <v>491</v>
      </c>
      <c r="I189" s="9">
        <v>2021005002688</v>
      </c>
      <c r="K189" s="11">
        <v>0</v>
      </c>
      <c r="L189" s="11">
        <v>0</v>
      </c>
    </row>
    <row r="190" spans="1:12" ht="21.75" customHeight="1" x14ac:dyDescent="0.2">
      <c r="A190" s="5">
        <v>189</v>
      </c>
      <c r="B190" s="16" t="s">
        <v>120</v>
      </c>
      <c r="C190" s="6" t="s">
        <v>487</v>
      </c>
      <c r="D190" s="7" t="s">
        <v>492</v>
      </c>
      <c r="E190" s="18" t="s">
        <v>489</v>
      </c>
      <c r="F190" s="8">
        <v>0</v>
      </c>
      <c r="G190" s="5" t="s">
        <v>435</v>
      </c>
      <c r="H190" s="6" t="s">
        <v>493</v>
      </c>
      <c r="I190" s="9">
        <v>3021005002778</v>
      </c>
      <c r="K190" s="11">
        <v>0</v>
      </c>
      <c r="L190" s="11">
        <v>0</v>
      </c>
    </row>
    <row r="191" spans="1:12" ht="21.75" customHeight="1" x14ac:dyDescent="0.2">
      <c r="A191" s="5">
        <v>190</v>
      </c>
      <c r="B191" s="16" t="s">
        <v>120</v>
      </c>
      <c r="C191" s="6" t="s">
        <v>185</v>
      </c>
      <c r="D191" s="7" t="s">
        <v>494</v>
      </c>
      <c r="E191" s="18" t="s">
        <v>495</v>
      </c>
      <c r="F191" s="8">
        <v>0</v>
      </c>
      <c r="G191" s="5" t="s">
        <v>435</v>
      </c>
      <c r="H191" s="6" t="s">
        <v>496</v>
      </c>
      <c r="I191" s="9">
        <v>2021005002705</v>
      </c>
      <c r="K191" s="11">
        <v>0</v>
      </c>
      <c r="L191" s="11">
        <v>0</v>
      </c>
    </row>
    <row r="192" spans="1:12" ht="21.75" customHeight="1" x14ac:dyDescent="0.2">
      <c r="A192" s="5">
        <v>191</v>
      </c>
      <c r="B192" s="16" t="s">
        <v>120</v>
      </c>
      <c r="C192" s="6" t="s">
        <v>258</v>
      </c>
      <c r="D192" s="7" t="s">
        <v>497</v>
      </c>
      <c r="E192" s="18" t="s">
        <v>498</v>
      </c>
      <c r="F192" s="8">
        <v>0</v>
      </c>
      <c r="G192" s="5" t="s">
        <v>435</v>
      </c>
      <c r="H192" s="6" t="s">
        <v>499</v>
      </c>
      <c r="I192" s="9">
        <v>9021005002707</v>
      </c>
      <c r="K192" s="11">
        <v>0</v>
      </c>
      <c r="L192" s="11">
        <v>0</v>
      </c>
    </row>
    <row r="193" spans="1:12" ht="21.75" customHeight="1" x14ac:dyDescent="0.2">
      <c r="A193" s="5">
        <v>192</v>
      </c>
      <c r="B193" s="16" t="s">
        <v>120</v>
      </c>
      <c r="C193" s="6" t="s">
        <v>258</v>
      </c>
      <c r="D193" s="7" t="s">
        <v>500</v>
      </c>
      <c r="E193" s="18" t="s">
        <v>501</v>
      </c>
      <c r="F193" s="8">
        <v>0</v>
      </c>
      <c r="G193" s="5" t="s">
        <v>435</v>
      </c>
      <c r="H193" s="6" t="s">
        <v>502</v>
      </c>
      <c r="I193" s="9">
        <v>8021005002708</v>
      </c>
      <c r="K193" s="11">
        <v>0</v>
      </c>
      <c r="L193" s="11">
        <v>0</v>
      </c>
    </row>
    <row r="194" spans="1:12" ht="21.75" customHeight="1" x14ac:dyDescent="0.2">
      <c r="A194" s="5">
        <v>193</v>
      </c>
      <c r="B194" s="16" t="s">
        <v>120</v>
      </c>
      <c r="C194" s="6" t="s">
        <v>258</v>
      </c>
      <c r="D194" s="7" t="s">
        <v>503</v>
      </c>
      <c r="E194" s="18" t="s">
        <v>504</v>
      </c>
      <c r="F194" s="8">
        <v>0</v>
      </c>
      <c r="G194" s="5" t="s">
        <v>435</v>
      </c>
      <c r="H194" s="6" t="s">
        <v>505</v>
      </c>
      <c r="I194" s="9">
        <v>9021005002715</v>
      </c>
      <c r="K194" s="11">
        <v>0</v>
      </c>
      <c r="L194" s="11">
        <v>0</v>
      </c>
    </row>
    <row r="195" spans="1:12" ht="21.75" customHeight="1" x14ac:dyDescent="0.2">
      <c r="A195" s="5">
        <v>194</v>
      </c>
      <c r="B195" s="16" t="s">
        <v>120</v>
      </c>
      <c r="C195" s="6" t="s">
        <v>258</v>
      </c>
      <c r="D195" s="7" t="s">
        <v>506</v>
      </c>
      <c r="E195" s="18" t="s">
        <v>507</v>
      </c>
      <c r="F195" s="8">
        <v>0</v>
      </c>
      <c r="G195" s="5" t="s">
        <v>435</v>
      </c>
      <c r="H195" s="6" t="s">
        <v>508</v>
      </c>
      <c r="I195" s="9">
        <v>2021005002721</v>
      </c>
      <c r="K195" s="11">
        <v>0</v>
      </c>
      <c r="L195" s="11">
        <v>0</v>
      </c>
    </row>
    <row r="196" spans="1:12" ht="21.75" customHeight="1" x14ac:dyDescent="0.2">
      <c r="A196" s="5">
        <v>195</v>
      </c>
      <c r="B196" s="16" t="s">
        <v>120</v>
      </c>
      <c r="C196" s="6" t="s">
        <v>258</v>
      </c>
      <c r="D196" s="7" t="s">
        <v>509</v>
      </c>
      <c r="E196" s="18" t="s">
        <v>510</v>
      </c>
      <c r="F196" s="8">
        <v>0</v>
      </c>
      <c r="G196" s="5" t="s">
        <v>435</v>
      </c>
      <c r="H196" s="6" t="s">
        <v>511</v>
      </c>
      <c r="I196" s="9">
        <v>8021005002724</v>
      </c>
      <c r="K196" s="11">
        <v>0</v>
      </c>
      <c r="L196" s="11">
        <v>0</v>
      </c>
    </row>
    <row r="197" spans="1:12" ht="21.75" customHeight="1" x14ac:dyDescent="0.2">
      <c r="A197" s="5">
        <v>196</v>
      </c>
      <c r="B197" s="16" t="s">
        <v>120</v>
      </c>
      <c r="C197" s="6" t="s">
        <v>258</v>
      </c>
      <c r="D197" s="7" t="s">
        <v>512</v>
      </c>
      <c r="E197" s="18" t="s">
        <v>513</v>
      </c>
      <c r="F197" s="8">
        <v>0</v>
      </c>
      <c r="G197" s="5" t="s">
        <v>435</v>
      </c>
      <c r="H197" s="6" t="s">
        <v>514</v>
      </c>
      <c r="I197" s="9">
        <v>2021005002754</v>
      </c>
      <c r="K197" s="11">
        <v>0</v>
      </c>
      <c r="L197" s="11">
        <v>0</v>
      </c>
    </row>
    <row r="198" spans="1:12" ht="21.75" customHeight="1" x14ac:dyDescent="0.2">
      <c r="A198" s="5">
        <v>197</v>
      </c>
      <c r="B198" s="16" t="s">
        <v>120</v>
      </c>
      <c r="C198" s="6" t="s">
        <v>287</v>
      </c>
      <c r="D198" s="7" t="s">
        <v>515</v>
      </c>
      <c r="E198" s="18" t="s">
        <v>516</v>
      </c>
      <c r="F198" s="8">
        <v>0</v>
      </c>
      <c r="G198" s="5" t="s">
        <v>435</v>
      </c>
      <c r="H198" s="6" t="s">
        <v>517</v>
      </c>
      <c r="I198" s="9">
        <v>5021005002693</v>
      </c>
      <c r="K198" s="11">
        <v>0</v>
      </c>
      <c r="L198" s="11">
        <v>0</v>
      </c>
    </row>
    <row r="199" spans="1:12" ht="21.75" customHeight="1" x14ac:dyDescent="0.2">
      <c r="A199" s="5">
        <v>198</v>
      </c>
      <c r="B199" s="16" t="s">
        <v>120</v>
      </c>
      <c r="C199" s="6" t="s">
        <v>287</v>
      </c>
      <c r="D199" s="7" t="s">
        <v>518</v>
      </c>
      <c r="E199" s="18" t="s">
        <v>519</v>
      </c>
      <c r="F199" s="8">
        <v>0</v>
      </c>
      <c r="G199" s="5" t="s">
        <v>435</v>
      </c>
      <c r="H199" s="6" t="s">
        <v>520</v>
      </c>
      <c r="I199" s="9">
        <v>2021005002696</v>
      </c>
      <c r="K199" s="11">
        <v>0</v>
      </c>
      <c r="L199" s="11">
        <v>0</v>
      </c>
    </row>
    <row r="200" spans="1:12" ht="21.75" customHeight="1" x14ac:dyDescent="0.2">
      <c r="A200" s="5">
        <v>199</v>
      </c>
      <c r="B200" s="16" t="s">
        <v>120</v>
      </c>
      <c r="C200" s="6" t="s">
        <v>287</v>
      </c>
      <c r="D200" s="7" t="s">
        <v>521</v>
      </c>
      <c r="E200" s="18" t="s">
        <v>522</v>
      </c>
      <c r="F200" s="8">
        <v>0</v>
      </c>
      <c r="G200" s="5" t="s">
        <v>435</v>
      </c>
      <c r="H200" s="6" t="s">
        <v>523</v>
      </c>
      <c r="I200" s="9">
        <v>2021005002713</v>
      </c>
      <c r="K200" s="11">
        <v>0</v>
      </c>
      <c r="L200" s="11">
        <v>0</v>
      </c>
    </row>
    <row r="201" spans="1:12" ht="21.75" customHeight="1" x14ac:dyDescent="0.2">
      <c r="A201" s="5">
        <v>200</v>
      </c>
      <c r="B201" s="16" t="s">
        <v>120</v>
      </c>
      <c r="C201" s="6" t="s">
        <v>298</v>
      </c>
      <c r="D201" s="7" t="s">
        <v>524</v>
      </c>
      <c r="E201" s="18" t="s">
        <v>525</v>
      </c>
      <c r="F201" s="8">
        <v>0</v>
      </c>
      <c r="G201" s="5" t="s">
        <v>435</v>
      </c>
      <c r="H201" s="6" t="s">
        <v>526</v>
      </c>
      <c r="I201" s="9">
        <v>2021005002911</v>
      </c>
      <c r="K201" s="11">
        <v>0</v>
      </c>
      <c r="L201" s="11">
        <v>0</v>
      </c>
    </row>
    <row r="202" spans="1:12" ht="21.75" customHeight="1" x14ac:dyDescent="0.2">
      <c r="A202" s="5">
        <v>201</v>
      </c>
      <c r="B202" s="16" t="s">
        <v>563</v>
      </c>
      <c r="C202" s="6" t="s">
        <v>311</v>
      </c>
      <c r="D202" s="7" t="s">
        <v>527</v>
      </c>
      <c r="E202" s="18" t="s">
        <v>528</v>
      </c>
      <c r="F202" s="8">
        <v>0</v>
      </c>
      <c r="G202" s="5" t="s">
        <v>435</v>
      </c>
      <c r="H202" s="6" t="s">
        <v>529</v>
      </c>
      <c r="I202" s="9">
        <v>4021005002752</v>
      </c>
      <c r="K202" s="11">
        <v>0</v>
      </c>
      <c r="L202" s="11">
        <v>0</v>
      </c>
    </row>
    <row r="203" spans="1:12" ht="21.75" customHeight="1" x14ac:dyDescent="0.2">
      <c r="A203" s="5">
        <v>202</v>
      </c>
      <c r="B203" s="16" t="s">
        <v>563</v>
      </c>
      <c r="C203" s="6" t="s">
        <v>311</v>
      </c>
      <c r="D203" s="7" t="s">
        <v>530</v>
      </c>
      <c r="E203" s="18" t="s">
        <v>531</v>
      </c>
      <c r="F203" s="8">
        <v>0</v>
      </c>
      <c r="G203" s="5" t="s">
        <v>435</v>
      </c>
      <c r="H203" s="6" t="s">
        <v>532</v>
      </c>
      <c r="I203" s="9">
        <v>5021005002751</v>
      </c>
      <c r="K203" s="11">
        <v>0</v>
      </c>
      <c r="L203" s="11">
        <v>0</v>
      </c>
    </row>
    <row r="204" spans="1:12" ht="21.75" customHeight="1" x14ac:dyDescent="0.2">
      <c r="A204" s="5">
        <v>203</v>
      </c>
      <c r="B204" s="16" t="s">
        <v>563</v>
      </c>
      <c r="C204" s="6" t="s">
        <v>319</v>
      </c>
      <c r="D204" s="7" t="s">
        <v>533</v>
      </c>
      <c r="E204" s="18" t="s">
        <v>534</v>
      </c>
      <c r="F204" s="8">
        <v>0</v>
      </c>
      <c r="G204" s="5" t="s">
        <v>435</v>
      </c>
      <c r="H204" s="6" t="s">
        <v>535</v>
      </c>
      <c r="I204" s="9">
        <v>5021005002677</v>
      </c>
      <c r="K204" s="11">
        <v>0</v>
      </c>
      <c r="L204" s="11">
        <v>0</v>
      </c>
    </row>
    <row r="205" spans="1:12" ht="21.75" customHeight="1" x14ac:dyDescent="0.2">
      <c r="A205" s="5">
        <v>204</v>
      </c>
      <c r="B205" s="16" t="s">
        <v>563</v>
      </c>
      <c r="C205" s="6" t="s">
        <v>319</v>
      </c>
      <c r="D205" s="7" t="s">
        <v>536</v>
      </c>
      <c r="E205" s="18" t="s">
        <v>537</v>
      </c>
      <c r="F205" s="8">
        <v>0</v>
      </c>
      <c r="G205" s="5" t="s">
        <v>435</v>
      </c>
      <c r="H205" s="6" t="s">
        <v>538</v>
      </c>
      <c r="I205" s="9">
        <v>3021005012661</v>
      </c>
      <c r="K205" s="11">
        <v>0</v>
      </c>
      <c r="L205" s="11">
        <v>0</v>
      </c>
    </row>
    <row r="206" spans="1:12" ht="21.75" customHeight="1" x14ac:dyDescent="0.2">
      <c r="A206" s="5">
        <v>205</v>
      </c>
      <c r="B206" s="16" t="s">
        <v>563</v>
      </c>
      <c r="C206" s="6" t="s">
        <v>319</v>
      </c>
      <c r="D206" s="7" t="s">
        <v>539</v>
      </c>
      <c r="E206" s="18" t="s">
        <v>567</v>
      </c>
      <c r="F206" s="8">
        <v>0</v>
      </c>
      <c r="G206" s="5" t="s">
        <v>435</v>
      </c>
      <c r="H206" s="6" t="s">
        <v>540</v>
      </c>
      <c r="I206" s="9">
        <v>8021005002690</v>
      </c>
      <c r="K206" s="11">
        <v>0</v>
      </c>
      <c r="L206" s="11">
        <v>0</v>
      </c>
    </row>
    <row r="207" spans="1:12" ht="21.75" customHeight="1" x14ac:dyDescent="0.2">
      <c r="A207" s="5">
        <v>206</v>
      </c>
      <c r="B207" s="16" t="s">
        <v>563</v>
      </c>
      <c r="C207" s="6" t="s">
        <v>319</v>
      </c>
      <c r="D207" s="7" t="s">
        <v>541</v>
      </c>
      <c r="E207" s="18" t="s">
        <v>542</v>
      </c>
      <c r="F207" s="8">
        <v>0</v>
      </c>
      <c r="G207" s="5" t="s">
        <v>435</v>
      </c>
      <c r="H207" s="6" t="s">
        <v>543</v>
      </c>
      <c r="I207" s="9">
        <v>5021005003238</v>
      </c>
      <c r="K207" s="11">
        <v>0</v>
      </c>
      <c r="L207" s="11">
        <v>0</v>
      </c>
    </row>
    <row r="208" spans="1:12" ht="21.75" customHeight="1" x14ac:dyDescent="0.2">
      <c r="A208" s="5">
        <v>207</v>
      </c>
      <c r="B208" s="16" t="s">
        <v>563</v>
      </c>
      <c r="C208" s="6" t="s">
        <v>319</v>
      </c>
      <c r="D208" s="7" t="s">
        <v>544</v>
      </c>
      <c r="E208" s="18" t="s">
        <v>545</v>
      </c>
      <c r="F208" s="8">
        <v>0</v>
      </c>
      <c r="G208" s="5" t="s">
        <v>435</v>
      </c>
      <c r="H208" s="6" t="s">
        <v>546</v>
      </c>
      <c r="I208" s="9">
        <v>7021005002725</v>
      </c>
      <c r="K208" s="11">
        <v>0</v>
      </c>
      <c r="L208" s="11">
        <v>0</v>
      </c>
    </row>
    <row r="209" spans="1:12" ht="21.75" customHeight="1" x14ac:dyDescent="0.2">
      <c r="A209" s="5">
        <v>208</v>
      </c>
      <c r="B209" s="16" t="s">
        <v>563</v>
      </c>
      <c r="C209" s="6" t="s">
        <v>319</v>
      </c>
      <c r="D209" s="7" t="s">
        <v>547</v>
      </c>
      <c r="E209" s="18" t="s">
        <v>548</v>
      </c>
      <c r="F209" s="8" t="s">
        <v>490</v>
      </c>
      <c r="G209" s="5" t="s">
        <v>435</v>
      </c>
      <c r="H209" s="6" t="s">
        <v>549</v>
      </c>
      <c r="I209" s="9">
        <v>2021005002779</v>
      </c>
      <c r="K209" s="11">
        <v>0</v>
      </c>
      <c r="L209" s="11">
        <v>0</v>
      </c>
    </row>
    <row r="210" spans="1:12" ht="21.75" customHeight="1" x14ac:dyDescent="0.2">
      <c r="A210" s="5">
        <v>209</v>
      </c>
      <c r="B210" s="16" t="s">
        <v>323</v>
      </c>
      <c r="C210" s="6" t="s">
        <v>324</v>
      </c>
      <c r="D210" s="7" t="s">
        <v>550</v>
      </c>
      <c r="E210" s="18" t="s">
        <v>551</v>
      </c>
      <c r="F210" s="8">
        <v>0</v>
      </c>
      <c r="G210" s="5" t="s">
        <v>435</v>
      </c>
      <c r="H210" s="6" t="s">
        <v>552</v>
      </c>
      <c r="I210" s="9">
        <v>6021005002734</v>
      </c>
      <c r="K210" s="11">
        <v>0</v>
      </c>
      <c r="L210" s="11">
        <v>0</v>
      </c>
    </row>
    <row r="211" spans="1:12" ht="21.75" customHeight="1" x14ac:dyDescent="0.2">
      <c r="A211" s="5">
        <v>210</v>
      </c>
      <c r="B211" s="16" t="s">
        <v>323</v>
      </c>
      <c r="C211" s="6" t="s">
        <v>324</v>
      </c>
      <c r="D211" s="7" t="s">
        <v>553</v>
      </c>
      <c r="E211" s="18" t="s">
        <v>554</v>
      </c>
      <c r="F211" s="8">
        <v>0</v>
      </c>
      <c r="G211" s="5" t="s">
        <v>435</v>
      </c>
      <c r="H211" s="6" t="s">
        <v>555</v>
      </c>
      <c r="I211" s="9">
        <v>9021005002731</v>
      </c>
      <c r="K211" s="11">
        <v>0</v>
      </c>
      <c r="L211" s="11">
        <v>0</v>
      </c>
    </row>
    <row r="212" spans="1:12" ht="21.75" customHeight="1" x14ac:dyDescent="0.2">
      <c r="A212" s="5">
        <v>211</v>
      </c>
      <c r="B212" s="16" t="s">
        <v>323</v>
      </c>
      <c r="C212" s="6" t="s">
        <v>324</v>
      </c>
      <c r="D212" s="7" t="s">
        <v>556</v>
      </c>
      <c r="E212" s="18" t="s">
        <v>557</v>
      </c>
      <c r="F212" s="8">
        <v>0</v>
      </c>
      <c r="G212" s="5" t="s">
        <v>435</v>
      </c>
      <c r="H212" s="6" t="s">
        <v>558</v>
      </c>
      <c r="I212" s="9">
        <v>2021005002738</v>
      </c>
      <c r="K212" s="11">
        <v>0</v>
      </c>
      <c r="L212" s="11">
        <v>0</v>
      </c>
    </row>
    <row r="213" spans="1:12" ht="21.75" customHeight="1" x14ac:dyDescent="0.2">
      <c r="A213" s="5">
        <v>212</v>
      </c>
      <c r="B213" s="16" t="s">
        <v>323</v>
      </c>
      <c r="C213" s="6" t="s">
        <v>324</v>
      </c>
      <c r="D213" s="7" t="s">
        <v>559</v>
      </c>
      <c r="E213" s="18" t="s">
        <v>560</v>
      </c>
      <c r="F213" s="8">
        <v>0</v>
      </c>
      <c r="G213" s="5" t="s">
        <v>435</v>
      </c>
      <c r="H213" s="6" t="s">
        <v>561</v>
      </c>
      <c r="I213" s="9">
        <v>1021005002730</v>
      </c>
      <c r="K213" s="11">
        <v>0</v>
      </c>
      <c r="L213" s="11">
        <v>0</v>
      </c>
    </row>
  </sheetData>
  <autoFilter ref="A1:L213"/>
  <phoneticPr fontId="3"/>
  <printOptions horizontalCentered="1"/>
  <pageMargins left="0.59055118110236227" right="0.59055118110236227" top="0.59055118110236227" bottom="0.59055118110236227" header="0.31496062992125984" footer="0.31496062992125984"/>
  <pageSetup paperSize="9" scale="70" fitToHeight="999" orientation="portrait" r:id="rId1"/>
  <headerFooter alignWithMargins="0">
    <oddHeader>&amp;R&amp;"ＭＳ Ｐゴシック,標準"&amp;9&amp;A</oddHeader>
    <oddFooter>&amp;C&amp;"メイリオ,レギュラー"&amp;9&amp;P&amp;R&amp;"メイリオ,レギュラー"&amp;9令和5年1月1日現在</oddFooter>
  </headerFooter>
  <rowBreaks count="4" manualBreakCount="4">
    <brk id="51" max="11" man="1"/>
    <brk id="101" max="11" man="1"/>
    <brk id="151" max="16383" man="1"/>
    <brk id="201" max="11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3</vt:i4>
      </vt:variant>
    </vt:vector>
  </HeadingPairs>
  <TitlesOfParts>
    <vt:vector size="4" baseType="lpstr">
      <vt:lpstr>相模原市</vt:lpstr>
      <vt:lpstr>相模原市!Print_Area</vt:lpstr>
      <vt:lpstr>相模原市!Print_Titles</vt:lpstr>
      <vt:lpstr>相模原市!宗教法人テーブル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3-01-30T01:07:09Z</cp:lastPrinted>
  <dcterms:created xsi:type="dcterms:W3CDTF">2023-01-11T07:10:38Z</dcterms:created>
  <dcterms:modified xsi:type="dcterms:W3CDTF">2023-01-30T01:11:24Z</dcterms:modified>
</cp:coreProperties>
</file>